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60" r:id="rId3"/>
  </p:sldMasterIdLst>
  <p:notesMasterIdLst>
    <p:notesMasterId r:id="rId7"/>
  </p:notesMasterIdLst>
  <p:handoutMasterIdLst>
    <p:handoutMasterId r:id="rId8"/>
  </p:handoutMasterIdLst>
  <p:sldIdLst>
    <p:sldId id="273" r:id="rId4"/>
    <p:sldId id="274" r:id="rId5"/>
    <p:sldId id="275" r:id="rId6"/>
  </p:sldIdLst>
  <p:sldSz cx="9144000" cy="5143500" type="screen16x9"/>
  <p:notesSz cx="6858000" cy="9144000"/>
  <p:embeddedFontLst>
    <p:embeddedFont>
      <p:font typeface="Roboto" panose="02000000000000000000" pitchFamily="2" charset="0"/>
      <p:regular r:id="rId9"/>
      <p:bold r:id="rId10"/>
      <p:italic r:id="rId11"/>
      <p:boldItalic r:id="rId12"/>
    </p:embeddedFont>
    <p:embeddedFont>
      <p:font typeface="Tietoevry Sans 1 Light" pitchFamily="50" charset="0"/>
      <p:regular r:id="rId13"/>
      <p:italic r:id="rId14"/>
    </p:embeddedFont>
    <p:embeddedFont>
      <p:font typeface="Tietoevry Sans 1 Medium" pitchFamily="50" charset="0"/>
      <p:regular r:id="rId15"/>
      <p:italic r:id="rId16"/>
    </p:embeddedFont>
    <p:embeddedFont>
      <p:font typeface="Tietoevry Sans 1 Thin" pitchFamily="50" charset="0"/>
      <p:regular r:id="rId17"/>
      <p:italic r:id="rId18"/>
    </p:embeddedFont>
  </p:embeddedFont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0"/>
  </p:normalViewPr>
  <p:slideViewPr>
    <p:cSldViewPr snapToGrid="0" showGuides="1">
      <p:cViewPr varScale="1">
        <p:scale>
          <a:sx n="139" d="100"/>
          <a:sy n="139" d="100"/>
        </p:scale>
        <p:origin x="114" y="234"/>
      </p:cViewPr>
      <p:guideLst>
        <p:guide orient="horz" pos="1620"/>
        <p:guide pos="2880"/>
      </p:guideLst>
    </p:cSldViewPr>
  </p:slideViewPr>
  <p:notesTextViewPr>
    <p:cViewPr>
      <p:scale>
        <a:sx n="3" d="2"/>
        <a:sy n="3" d="2"/>
      </p:scale>
      <p:origin x="0" y="0"/>
    </p:cViewPr>
  </p:notesTextViewPr>
  <p:notesViewPr>
    <p:cSldViewPr snapToGrid="0" showGuides="1">
      <p:cViewPr varScale="1">
        <p:scale>
          <a:sx n="135" d="100"/>
          <a:sy n="135" d="100"/>
        </p:scale>
        <p:origin x="3792" y="12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handoutMaster" Target="handoutMasters/handoutMaster1.xml"/><Relationship Id="rId13" Type="http://schemas.openxmlformats.org/officeDocument/2006/relationships/font" Target="fonts/font5.fntdata"/><Relationship Id="rId18" Type="http://schemas.openxmlformats.org/officeDocument/2006/relationships/font" Target="fonts/font10.fntdata"/><Relationship Id="rId3" Type="http://schemas.openxmlformats.org/officeDocument/2006/relationships/slideMaster" Target="slideMasters/slideMaster1.xml"/><Relationship Id="rId21" Type="http://schemas.openxmlformats.org/officeDocument/2006/relationships/theme" Target="theme/theme1.xml"/><Relationship Id="rId7" Type="http://schemas.openxmlformats.org/officeDocument/2006/relationships/notesMaster" Target="notesMasters/notesMaster1.xml"/><Relationship Id="rId12" Type="http://schemas.openxmlformats.org/officeDocument/2006/relationships/font" Target="fonts/font4.fntdata"/><Relationship Id="rId17" Type="http://schemas.openxmlformats.org/officeDocument/2006/relationships/font" Target="fonts/font9.fntdata"/><Relationship Id="rId2" Type="http://schemas.openxmlformats.org/officeDocument/2006/relationships/customXml" Target="../customXml/item2.xml"/><Relationship Id="rId16" Type="http://schemas.openxmlformats.org/officeDocument/2006/relationships/font" Target="fonts/font8.fntdata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font" Target="fonts/font3.fntdata"/><Relationship Id="rId5" Type="http://schemas.openxmlformats.org/officeDocument/2006/relationships/slide" Target="slides/slide2.xml"/><Relationship Id="rId15" Type="http://schemas.openxmlformats.org/officeDocument/2006/relationships/font" Target="fonts/font7.fntdata"/><Relationship Id="rId10" Type="http://schemas.openxmlformats.org/officeDocument/2006/relationships/font" Target="fonts/font2.fntdata"/><Relationship Id="rId19" Type="http://schemas.openxmlformats.org/officeDocument/2006/relationships/presProps" Target="presProps.xml"/><Relationship Id="rId4" Type="http://schemas.openxmlformats.org/officeDocument/2006/relationships/slide" Target="slides/slide1.xml"/><Relationship Id="rId9" Type="http://schemas.openxmlformats.org/officeDocument/2006/relationships/font" Target="fonts/font1.fntdata"/><Relationship Id="rId14" Type="http://schemas.openxmlformats.org/officeDocument/2006/relationships/font" Target="fonts/font6.fntdata"/><Relationship Id="rId22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FE9FA273-E199-41C9-8095-7DD5CEBF55A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C0B2809-BE04-47E1-9FDF-AC3BF785E2B7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8A56376-53EC-491F-9D95-B02A0CFB2100}" type="datetimeFigureOut">
              <a:rPr lang="en-GB" smtClean="0"/>
              <a:t>27/09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58313D2-DC2E-487C-A484-C261C3B9002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549E73-2B78-4777-85D8-D41CA3F3F3E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7258EC5-5937-49D0-B205-3DB3AB0582FE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1603631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8172F8D-B116-4CD7-A757-FF786F89BACC}" type="datetimeFigureOut">
              <a:rPr lang="en-GB" smtClean="0"/>
              <a:t>27/09/2024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F4AF984-95C0-4021-BEF5-D91CB9F53804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397204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12" Type="http://schemas.openxmlformats.org/officeDocument/2006/relationships/image" Target="../media/image25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9.png"/><Relationship Id="rId11" Type="http://schemas.openxmlformats.org/officeDocument/2006/relationships/image" Target="../media/image24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1">
    <p:bg>
      <p:bgPr>
        <a:solidFill>
          <a:srgbClr val="F7EAE4">
            <a:alpha val="25098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/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accent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 dirty="0"/>
              <a:t>Click to add sub title</a:t>
            </a:r>
          </a:p>
        </p:txBody>
      </p:sp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B9A30684-A5A5-4C39-B1C5-51CC46FDC00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655B54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  <p:sp>
        <p:nvSpPr>
          <p:cNvPr id="73" name="Dots">
            <a:extLst>
              <a:ext uri="{FF2B5EF4-FFF2-40B4-BE49-F238E27FC236}">
                <a16:creationId xmlns:a16="http://schemas.microsoft.com/office/drawing/2014/main" id="{B0423462-8FE2-4022-8D8D-6B7FE496DDA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256214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 1">
    <p:bg>
      <p:bgPr>
        <a:solidFill>
          <a:schemeClr val="accent5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837147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8" y="2719350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655B54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role title</a:t>
            </a:r>
            <a:endParaRPr lang="en-GB" dirty="0"/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2" name="Picture Placeholder 62">
            <a:extLst>
              <a:ext uri="{FF2B5EF4-FFF2-40B4-BE49-F238E27FC236}">
                <a16:creationId xmlns:a16="http://schemas.microsoft.com/office/drawing/2014/main" id="{51DD727F-E43F-4B84-9AF0-3AE3A5A8C39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prstGeom prst="rect">
            <a:avLst/>
          </a:pr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68500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837147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8" y="2719350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EACBBB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role title</a:t>
            </a:r>
            <a:endParaRPr lang="en-GB" dirty="0"/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3" name="Picture Placeholder 62">
            <a:extLst>
              <a:ext uri="{FF2B5EF4-FFF2-40B4-BE49-F238E27FC236}">
                <a16:creationId xmlns:a16="http://schemas.microsoft.com/office/drawing/2014/main" id="{ED1BA532-3110-40F8-A761-D6129FF3DF7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prstGeom prst="rect">
            <a:avLst/>
          </a:pr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73769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1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243853"/>
            <a:ext cx="3924300" cy="2655794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 dirty="0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6B92CC9-D409-4CA2-BC27-3B3C472F90F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27934" y="309264"/>
            <a:ext cx="2710869" cy="2710869"/>
          </a:xfrm>
          <a:prstGeom prst="rect">
            <a:avLst/>
          </a:prstGeom>
        </p:spPr>
      </p:pic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13674847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2">
    <p:bg>
      <p:bgPr>
        <a:solidFill>
          <a:srgbClr val="E5E5E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pic>
        <p:nvPicPr>
          <p:cNvPr id="34" name="Graphic 33">
            <a:extLst>
              <a:ext uri="{FF2B5EF4-FFF2-40B4-BE49-F238E27FC236}">
                <a16:creationId xmlns:a16="http://schemas.microsoft.com/office/drawing/2014/main" id="{85E3058E-DF72-4531-BC6D-103DA984DB0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18643" y="299811"/>
            <a:ext cx="2725548" cy="2725548"/>
          </a:xfrm>
          <a:prstGeom prst="rect">
            <a:avLst/>
          </a:prstGeom>
        </p:spPr>
      </p:pic>
      <p:sp>
        <p:nvSpPr>
          <p:cNvPr id="35" name="Title 1">
            <a:extLst>
              <a:ext uri="{FF2B5EF4-FFF2-40B4-BE49-F238E27FC236}">
                <a16:creationId xmlns:a16="http://schemas.microsoft.com/office/drawing/2014/main" id="{E0FD9167-FF9F-4DD6-A2A0-1120C2D1A4B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1243853"/>
            <a:ext cx="3924300" cy="2655794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 dirty="0"/>
              <a:t>Click to add chapter number and title</a:t>
            </a:r>
          </a:p>
        </p:txBody>
      </p:sp>
    </p:spTree>
    <p:extLst>
      <p:ext uri="{BB962C8B-B14F-4D97-AF65-F5344CB8AC3E}">
        <p14:creationId xmlns:p14="http://schemas.microsoft.com/office/powerpoint/2010/main" val="4043697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3">
    <p:bg>
      <p:bgPr>
        <a:solidFill>
          <a:srgbClr val="EACBBB">
            <a:alpha val="93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6B92CC9-D409-4CA2-BC27-3B3C472F90F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27934" y="309264"/>
            <a:ext cx="2710869" cy="2710869"/>
          </a:xfrm>
          <a:prstGeom prst="rect">
            <a:avLst/>
          </a:prstGeom>
        </p:spPr>
      </p:pic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4" name="Title 1">
            <a:extLst>
              <a:ext uri="{FF2B5EF4-FFF2-40B4-BE49-F238E27FC236}">
                <a16:creationId xmlns:a16="http://schemas.microsoft.com/office/drawing/2014/main" id="{6E8E522A-0F73-469A-8FB8-09265CCA7AF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1243853"/>
            <a:ext cx="3924300" cy="2655794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 dirty="0"/>
              <a:t>Click to add chapter number and title</a:t>
            </a:r>
          </a:p>
        </p:txBody>
      </p:sp>
    </p:spTree>
    <p:extLst>
      <p:ext uri="{BB962C8B-B14F-4D97-AF65-F5344CB8AC3E}">
        <p14:creationId xmlns:p14="http://schemas.microsoft.com/office/powerpoint/2010/main" val="11146360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4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pic>
        <p:nvPicPr>
          <p:cNvPr id="34" name="Graphic 33">
            <a:extLst>
              <a:ext uri="{FF2B5EF4-FFF2-40B4-BE49-F238E27FC236}">
                <a16:creationId xmlns:a16="http://schemas.microsoft.com/office/drawing/2014/main" id="{85E3058E-DF72-4531-BC6D-103DA984DB0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18643" y="299811"/>
            <a:ext cx="2725548" cy="2725548"/>
          </a:xfrm>
          <a:prstGeom prst="rect">
            <a:avLst/>
          </a:prstGeom>
        </p:spPr>
      </p:pic>
      <p:sp>
        <p:nvSpPr>
          <p:cNvPr id="35" name="Title 1">
            <a:extLst>
              <a:ext uri="{FF2B5EF4-FFF2-40B4-BE49-F238E27FC236}">
                <a16:creationId xmlns:a16="http://schemas.microsoft.com/office/drawing/2014/main" id="{732C4AB7-5FBA-4B29-9C56-34AAF7CAC04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1243853"/>
            <a:ext cx="3924300" cy="2655794"/>
          </a:xfrm>
        </p:spPr>
        <p:txBody>
          <a:bodyPr anchor="ctr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chapter number and title</a:t>
            </a:r>
          </a:p>
        </p:txBody>
      </p:sp>
    </p:spTree>
    <p:extLst>
      <p:ext uri="{BB962C8B-B14F-4D97-AF65-F5344CB8AC3E}">
        <p14:creationId xmlns:p14="http://schemas.microsoft.com/office/powerpoint/2010/main" val="356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5">
    <p:bg>
      <p:bgPr>
        <a:solidFill>
          <a:srgbClr val="EACBBB">
            <a:alpha val="25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55AA8E6-7A46-4092-A3A7-300270FD1AF4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851819"/>
            <a:ext cx="3924300" cy="1439863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 dirty="0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7191564" y="4875766"/>
            <a:ext cx="1291279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529077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6692092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3696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6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55AA8E6-7A46-4092-A3A7-300270FD1AF4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851819"/>
            <a:ext cx="3924300" cy="1439863"/>
          </a:xfrm>
        </p:spPr>
        <p:txBody>
          <a:bodyPr anchor="ctr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7202323" y="4875766"/>
            <a:ext cx="1291279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539836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23827899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  <p15:guide id="4" pos="3696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42498190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1 and pattern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6531097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C7D6CCA3-D98F-4E8C-B9B8-253423212EE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466A57BE-C742-4942-BC2C-5CCB046B109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 title</a:t>
            </a:r>
            <a:endParaRPr lang="en-GB" dirty="0"/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D784ED6D-55C4-43AE-897A-8020AD869C2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EACBBB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 dirty="0"/>
              <a:t>Click to add date and/or presenters name</a:t>
            </a:r>
          </a:p>
        </p:txBody>
      </p:sp>
      <p:sp>
        <p:nvSpPr>
          <p:cNvPr id="39" name="Dots">
            <a:extLst>
              <a:ext uri="{FF2B5EF4-FFF2-40B4-BE49-F238E27FC236}">
                <a16:creationId xmlns:a16="http://schemas.microsoft.com/office/drawing/2014/main" id="{7E284916-3830-4B2D-96DE-5DDABBF929B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95039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1 and subtitl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8569325" cy="396000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2" name="Subtitle 2">
            <a:extLst>
              <a:ext uri="{FF2B5EF4-FFF2-40B4-BE49-F238E27FC236}">
                <a16:creationId xmlns:a16="http://schemas.microsoft.com/office/drawing/2014/main" id="{8F3246DC-C5BF-4123-BA49-B14EF33A4FF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735013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85151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512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2 and patter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186580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2 and subtitl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396000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DB2EFC80-19D6-4D40-8BBD-10FBF9FB38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735013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3082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3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6" name="Graphic 19">
            <a:extLst>
              <a:ext uri="{FF2B5EF4-FFF2-40B4-BE49-F238E27FC236}">
                <a16:creationId xmlns:a16="http://schemas.microsoft.com/office/drawing/2014/main" id="{E1A420AD-4664-4967-8C23-CF0CBC05DA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67280439-DD54-4100-97F9-D7A4A327A0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792A83F7-90F7-43E5-B1EB-DC34201A486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C53B0482-AECE-4C35-8403-9C3A9A9727E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A86E2943-61E9-4217-B49B-01DB377841C0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680E12CB-F1D3-4C07-8576-FD96F03B29B0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E57C2BB1-7F13-42D0-8280-0C6AC5860E2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36009E81-CF94-43ED-98F3-2EFC911AF96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FCCEE56E-EDC8-4088-9D28-243DD5B5F811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04E1F6F-0C47-4DB2-BDA2-87F98787AC86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0E5BDFD2-3768-478E-BE3D-E9CEC458B0C4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28EAAD69-61B3-486B-9520-565E1A1FA6CF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C3DE9FE4-1F26-41C9-9218-0F02A25B217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8BC12A81-E9E3-43DA-98A6-EA7FD8B4C6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278EE2C1-BC5A-40F1-A956-7DF9AE6EFB01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C5E7BAE-2B0C-46BA-9533-F5339965A339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F19E3C8D-4C3A-4035-88E3-97BAF26B4B3D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4098F041-905E-445F-AB40-A2186AE0ADB0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02028F34-0815-4940-B5A7-925D59B6E474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D995A7C8-F27A-4E78-A9AD-E859CA15B2A4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7A9AE59-A400-43E5-B137-92CBAC612BB7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8390465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3 and pattern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850DDEEC-1DA5-43EB-939E-82FF5ACCA33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13FBF61D-E439-4D28-8ECE-FDA47454CD5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CC1C645A-DC52-470C-8192-4ACC478B575D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24EE0C85-D248-4D0F-9C19-EF4B13DB7F9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0BBE9197-611F-475B-BD25-0EC8A86BCA6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8FA5CD69-A94D-4883-AC01-E6FF3F447E8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FA951B3-CA7A-468B-B334-A2BFCA9B6D00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1EE9E62-C5E7-42B5-BE8A-6275574A1393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B911DB0-4A27-441B-A7B8-69B99118636B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6565D296-D101-4F16-93E6-72BC90584051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89F9CB12-4993-4BFE-9F4D-18F8627B090C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2A65F25D-2B27-450C-B8BD-71565C55980C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153FB610-E3D3-4A7D-9898-BAAEE6E25E11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C7742BC4-19B8-47F0-ABB5-BEBAAD938562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735A104-5357-43BA-B08F-A7221584497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A140844B-29B5-4DCA-9975-95116E5F6DC7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FFB4B08-799A-4724-AE06-B64F9A8D776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B4F9E24C-A66D-459D-8473-482CB2591E26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0C8C41A1-AAC4-4958-9D85-8193A19FD590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CA7557AC-223E-4A56-9B79-4606698704B3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07E06773-FAC4-4C97-8B36-F9AD4BA9B9D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777086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3 and subtitle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396000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36B8BE9-BB36-4A36-9F26-11708C686D0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735013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  <a:endParaRPr lang="en-GB" dirty="0"/>
          </a:p>
        </p:txBody>
      </p:sp>
      <p:grpSp>
        <p:nvGrpSpPr>
          <p:cNvPr id="8" name="Graphic 19">
            <a:extLst>
              <a:ext uri="{FF2B5EF4-FFF2-40B4-BE49-F238E27FC236}">
                <a16:creationId xmlns:a16="http://schemas.microsoft.com/office/drawing/2014/main" id="{0A648DE4-485C-4CD3-93CF-65AA4C1B3D1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7E39939B-8239-4A6B-AD9E-86EFD72E75BA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42BF09CE-3E09-48EE-ABF6-6B8EBC69E15F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42C9FC79-1ED1-430F-9C5D-0F32619E7CF8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7872B045-6E5F-4F4E-81AC-8EAA5436EA3C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A155D9F-0B11-4A02-A5E8-25F83D6CA22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6B7BD3A5-C40E-4899-801C-AEDB5AB52ACC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FA932660-79BD-403C-B905-7FFEDDA88D7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C2BD8A76-1907-4EF6-AE1B-2310B82280D8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E3700A09-D5A1-42A8-BAE3-BBD0859BA2E9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A433D047-15E2-447B-8A0C-61C569F6CA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83CF639E-3D76-41C1-8F31-832B794D1B76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DEF5EC6A-AB60-49AB-9EDE-A865DB7F42A3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2EF469AC-EC76-49F5-95F1-FFB0C4387D0B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830BC3CC-6668-41BB-A498-D2F712002A7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99C055A-7378-4DE3-872B-3039830C8DE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85CEBDB-01CC-4CAC-8BCF-2897B853BCED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D94D193-773A-4280-8CB8-26746A5FACCC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E24820A-465D-4809-A8AC-2BC24AF07305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C2E60FA5-9969-4254-91CE-F67ABD83DF2F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554149B-F0FA-412D-B1DA-7B349E3FC8E0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5906232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1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                                                                                                                                                                    Press ENTER then TAB to view next text style                                                                                                                                                  Press SHIFT+TAB to view previous text sty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245206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4 and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1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                                                                                                                                                                     Press ENTER then TAB to view next text style                                                                                                                                                  Press SHIFT+TAB to view previous text sty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46205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pty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28599988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3">
    <p:bg>
      <p:bgPr>
        <a:solidFill>
          <a:srgbClr val="F7EAE4">
            <a:alpha val="25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1B9C4FDA-47FC-4EF4-87B8-F8831D0B6EFD}"/>
              </a:ext>
            </a:extLst>
          </p:cNvPr>
          <p:cNvSpPr/>
          <p:nvPr userDrawn="1"/>
        </p:nvSpPr>
        <p:spPr>
          <a:xfrm>
            <a:off x="5466988" y="0"/>
            <a:ext cx="3677012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37" name="Picture Placeholder 36">
            <a:extLst>
              <a:ext uri="{FF2B5EF4-FFF2-40B4-BE49-F238E27FC236}">
                <a16:creationId xmlns:a16="http://schemas.microsoft.com/office/drawing/2014/main" id="{9F08C50D-C580-4576-ABA3-0C6EDE50A78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8" name="Dots">
            <a:extLst>
              <a:ext uri="{FF2B5EF4-FFF2-40B4-BE49-F238E27FC236}">
                <a16:creationId xmlns:a16="http://schemas.microsoft.com/office/drawing/2014/main" id="{73DE4581-E0EA-4A8F-A722-4EDE83490D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3783671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accent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 dirty="0"/>
              <a:t>Click to add sub title</a:t>
            </a:r>
          </a:p>
        </p:txBody>
      </p:sp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B9A30684-A5A5-4C39-B1C5-51CC46FDC00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655B54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080222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pt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111619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623EF67-4CB8-6ACA-E9C0-4ED3461B464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87338" y="1384300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69249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ne column 2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07A6ED88-96D7-B453-0B64-372EA8B119E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87338" y="1384300"/>
            <a:ext cx="3600450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9" name="Graphic 19">
            <a:extLst>
              <a:ext uri="{FF2B5EF4-FFF2-40B4-BE49-F238E27FC236}">
                <a16:creationId xmlns:a16="http://schemas.microsoft.com/office/drawing/2014/main" id="{02AF89FC-84AD-457F-A215-4C444DF5FD8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AD05FC70-CE33-4A87-8449-E1B9B0F82DA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2C51FA43-2BC5-4E38-8E78-05643F05832B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32AD1503-2D75-4882-BC73-CD43EC468BE0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E088984F-6771-4FCE-9457-AEDF37C54B9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59C64356-1910-427B-A1E3-9D582C7BCD66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371CB873-8E26-4127-B72A-4D1F50A56179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C74DB33F-0727-4BEB-BB34-8FF56542E7B4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93BE8DE-AF52-4D3C-8D26-A1E813CC0209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CFADAC4E-0025-49B5-9193-005805248D2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F333341-EE7E-4B56-81B1-4C0E8BBAD5EE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1E3801D4-9BF7-4700-8C32-D70AE36D4D0E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A67C9AAB-BC0F-4F47-A45A-84F12265CEAB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1620A042-CFD3-4726-9871-95DF0A19200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8AC7DE60-D77E-45B1-BE9F-9C296A01202D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373AA0E-0F03-4C52-A670-2C43C1E3566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4D89DF5B-E575-4553-BAFF-6FDAE0A72DED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FE24FB39-65D6-4F28-A8A6-B01F30986E14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B3FE6349-71D4-4AD6-A2B7-C630037B5D2A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AFA7A066-CC02-4961-A242-F2116F5A0EE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78E8E2CB-A539-45E9-9ECD-33FDF5F5436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38732503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A98A738B-3132-AF5D-B3C8-6323565056A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3600450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A8893B5-0DDF-3FD8-AEE6-42AEC510AA6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638" y="1384300"/>
            <a:ext cx="3600450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541819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lumns 2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9" name="Graphic 19">
            <a:extLst>
              <a:ext uri="{FF2B5EF4-FFF2-40B4-BE49-F238E27FC236}">
                <a16:creationId xmlns:a16="http://schemas.microsoft.com/office/drawing/2014/main" id="{02AF89FC-84AD-457F-A215-4C444DF5FD8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AD05FC70-CE33-4A87-8449-E1B9B0F82DA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2C51FA43-2BC5-4E38-8E78-05643F05832B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32AD1503-2D75-4882-BC73-CD43EC468BE0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E088984F-6771-4FCE-9457-AEDF37C54B9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59C64356-1910-427B-A1E3-9D582C7BCD66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371CB873-8E26-4127-B72A-4D1F50A56179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C74DB33F-0727-4BEB-BB34-8FF56542E7B4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93BE8DE-AF52-4D3C-8D26-A1E813CC0209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CFADAC4E-0025-49B5-9193-005805248D2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F333341-EE7E-4B56-81B1-4C0E8BBAD5EE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1E3801D4-9BF7-4700-8C32-D70AE36D4D0E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A67C9AAB-BC0F-4F47-A45A-84F12265CEAB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1620A042-CFD3-4726-9871-95DF0A19200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8AC7DE60-D77E-45B1-BE9F-9C296A01202D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373AA0E-0F03-4C52-A670-2C43C1E3566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4D89DF5B-E575-4553-BAFF-6FDAE0A72DED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FE24FB39-65D6-4F28-A8A6-B01F30986E14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B3FE6349-71D4-4AD6-A2B7-C630037B5D2A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AFA7A066-CC02-4961-A242-F2116F5A0EE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78E8E2CB-A539-45E9-9ECD-33FDF5F5436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97AD86B0-EC67-2D9D-34BD-B677E83DDF7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3600450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D4F5CADC-9CD3-BB95-1E88-6D4D3566992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638" y="1384300"/>
            <a:ext cx="3600450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345098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8AAA3DA6-FFAB-8598-D550-E7E6D414AF9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27368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D141992D-F9B8-8465-EE76-A49338D2E94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03576" y="1384300"/>
            <a:ext cx="27368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Press ENTER then TAB to view next text style   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08C94BC-5374-DA61-F85E-B5C80194303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119813" y="1384300"/>
            <a:ext cx="27368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Press ENTER then TAB to view next text style  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11001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905" userDrawn="1">
          <p15:clr>
            <a:srgbClr val="FBAE40"/>
          </p15:clr>
        </p15:guide>
        <p15:guide id="2" pos="2018" userDrawn="1">
          <p15:clr>
            <a:srgbClr val="FBAE40"/>
          </p15:clr>
        </p15:guide>
        <p15:guide id="3" pos="3742" userDrawn="1">
          <p15:clr>
            <a:srgbClr val="FBAE40"/>
          </p15:clr>
        </p15:guide>
        <p15:guide id="4" pos="3855" userDrawn="1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7A0780A1-5D49-BF8E-2FB7-EF05CA892D6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1998662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50284C4-9CDF-C39D-9F2C-F7EBC8DA531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476500" y="1384300"/>
            <a:ext cx="20034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76F74C48-04DA-7A70-ABFC-8D5D74391EA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4668838" y="1384300"/>
            <a:ext cx="20034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F809EDCF-4254-9864-5184-8692993E0E3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861176" y="1384300"/>
            <a:ext cx="1995487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117502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 userDrawn="1">
          <p15:clr>
            <a:srgbClr val="FBAE40"/>
          </p15:clr>
        </p15:guide>
        <p15:guide id="4" pos="4320" userDrawn="1">
          <p15:clr>
            <a:srgbClr val="FBAE40"/>
          </p15:clr>
        </p15:guide>
        <p15:guide id="5" pos="1560" userDrawn="1">
          <p15:clr>
            <a:srgbClr val="FBAE40"/>
          </p15:clr>
        </p15:guide>
        <p15:guide id="6" pos="2822" userDrawn="1">
          <p15:clr>
            <a:srgbClr val="FBAE40"/>
          </p15:clr>
        </p15:guide>
        <p15:guide id="7" pos="2941" userDrawn="1">
          <p15:clr>
            <a:srgbClr val="FBAE40"/>
          </p15:clr>
        </p15:guide>
        <p15:guide id="8" pos="4204" userDrawn="1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63EA9506-A233-2FA2-C4CC-3CFB7E4E331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1566862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A7AE9B0B-75B2-3627-3C39-4AADAB64F6F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033588" y="1384300"/>
            <a:ext cx="1566862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162651CC-6103-D6B0-3621-E03B22D1070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779838" y="1384300"/>
            <a:ext cx="15843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785A872B-FDFE-A910-808E-37AAC332D284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543551" y="1384300"/>
            <a:ext cx="1566862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0F569B7A-D49B-F095-2912-BE29FADAAF1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285039" y="1384300"/>
            <a:ext cx="1571624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757924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68" userDrawn="1">
          <p15:clr>
            <a:srgbClr val="FBAE40"/>
          </p15:clr>
        </p15:guide>
        <p15:guide id="4" pos="4479" userDrawn="1">
          <p15:clr>
            <a:srgbClr val="FBAE40"/>
          </p15:clr>
        </p15:guide>
        <p15:guide id="5" pos="1281" userDrawn="1">
          <p15:clr>
            <a:srgbClr val="FBAE40"/>
          </p15:clr>
        </p15:guide>
        <p15:guide id="6" pos="2268" userDrawn="1">
          <p15:clr>
            <a:srgbClr val="FBAE40"/>
          </p15:clr>
        </p15:guide>
        <p15:guide id="7" pos="2381" userDrawn="1">
          <p15:clr>
            <a:srgbClr val="FBAE40"/>
          </p15:clr>
        </p15:guide>
        <p15:guide id="8" pos="4589" userDrawn="1">
          <p15:clr>
            <a:srgbClr val="FBAE40"/>
          </p15:clr>
        </p15:guide>
        <p15:guide id="9" pos="3379" userDrawn="1">
          <p15:clr>
            <a:srgbClr val="FBAE40"/>
          </p15:clr>
        </p15:guide>
        <p15:guide id="10" pos="3492" userDrawn="1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D94FAE30-3AFD-2623-76CF-E27D6601255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1279525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6967F4A1-A236-ADEC-7A71-20F3A1D7614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741488" y="1384300"/>
            <a:ext cx="1284287" cy="3240088"/>
          </a:xfrm>
        </p:spPr>
        <p:txBody>
          <a:bodyPr/>
          <a:lstStyle/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4E9188F5-18BE-39D6-3055-ED075D7B8A6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203575" y="1384300"/>
            <a:ext cx="1281113" cy="3240088"/>
          </a:xfrm>
        </p:spPr>
        <p:txBody>
          <a:bodyPr/>
          <a:lstStyle/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5D571FD4-41B0-AEA6-7CD6-8EA941A86EDE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659314" y="1384300"/>
            <a:ext cx="1281112" cy="3240088"/>
          </a:xfrm>
        </p:spPr>
        <p:txBody>
          <a:bodyPr/>
          <a:lstStyle/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389A2A0-A6E2-E02F-AF8B-CCEE6CE4FF7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119813" y="1384300"/>
            <a:ext cx="1277937" cy="3240088"/>
          </a:xfrm>
        </p:spPr>
        <p:txBody>
          <a:bodyPr/>
          <a:lstStyle/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243B55F-A105-1D9B-0649-214939575752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572375" y="1384300"/>
            <a:ext cx="1284288" cy="3240088"/>
          </a:xfrm>
        </p:spPr>
        <p:txBody>
          <a:bodyPr/>
          <a:lstStyle/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504851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987" userDrawn="1">
          <p15:clr>
            <a:srgbClr val="FBAE40"/>
          </p15:clr>
        </p15:guide>
        <p15:guide id="4" pos="3742" userDrawn="1">
          <p15:clr>
            <a:srgbClr val="FBAE40"/>
          </p15:clr>
        </p15:guide>
        <p15:guide id="5" pos="1097" userDrawn="1">
          <p15:clr>
            <a:srgbClr val="FBAE40"/>
          </p15:clr>
        </p15:guide>
        <p15:guide id="6" pos="1906" userDrawn="1">
          <p15:clr>
            <a:srgbClr val="FBAE40"/>
          </p15:clr>
        </p15:guide>
        <p15:guide id="7" pos="2018" userDrawn="1">
          <p15:clr>
            <a:srgbClr val="FBAE40"/>
          </p15:clr>
        </p15:guide>
        <p15:guide id="8" pos="4660" userDrawn="1">
          <p15:clr>
            <a:srgbClr val="FBAE40"/>
          </p15:clr>
        </p15:guide>
        <p15:guide id="9" pos="2825" userDrawn="1">
          <p15:clr>
            <a:srgbClr val="FBAE40"/>
          </p15:clr>
        </p15:guide>
        <p15:guide id="10" pos="2935" userDrawn="1">
          <p15:clr>
            <a:srgbClr val="FBAE40"/>
          </p15:clr>
        </p15:guide>
        <p15:guide id="11" pos="4770" userDrawn="1">
          <p15:clr>
            <a:srgbClr val="FBAE40"/>
          </p15:clr>
        </p15:guide>
        <p15:guide id="12" pos="3855" userDrawn="1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mages and text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A68EE013-AE2A-4248-8BCF-2E64E6BABDD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2478281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D11CE9E7-F377-4DD8-A11A-DDDEDEC0BC68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669224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5781105-3433-4B25-8A2C-71205B96E3F9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860166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1" name="Text Placeholder 14">
            <a:extLst>
              <a:ext uri="{FF2B5EF4-FFF2-40B4-BE49-F238E27FC236}">
                <a16:creationId xmlns:a16="http://schemas.microsoft.com/office/drawing/2014/main" id="{E390B699-9829-4C4D-9271-54B5879B36A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78281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2" name="Text Placeholder 14">
            <a:extLst>
              <a:ext uri="{FF2B5EF4-FFF2-40B4-BE49-F238E27FC236}">
                <a16:creationId xmlns:a16="http://schemas.microsoft.com/office/drawing/2014/main" id="{63A6803F-D4D2-4ED2-A99D-780C639CA58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78281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23" name="Text Placeholder 14">
            <a:extLst>
              <a:ext uri="{FF2B5EF4-FFF2-40B4-BE49-F238E27FC236}">
                <a16:creationId xmlns:a16="http://schemas.microsoft.com/office/drawing/2014/main" id="{EF14BB3F-0B6E-49DE-98D5-69F9B40A1CC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69224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4" name="Text Placeholder 14">
            <a:extLst>
              <a:ext uri="{FF2B5EF4-FFF2-40B4-BE49-F238E27FC236}">
                <a16:creationId xmlns:a16="http://schemas.microsoft.com/office/drawing/2014/main" id="{FE678802-AB38-4C6E-AE7F-BDD84189529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669224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25" name="Text Placeholder 14">
            <a:extLst>
              <a:ext uri="{FF2B5EF4-FFF2-40B4-BE49-F238E27FC236}">
                <a16:creationId xmlns:a16="http://schemas.microsoft.com/office/drawing/2014/main" id="{92B200A8-A390-4184-A558-D2CFC7EE0D3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860166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6" name="Text Placeholder 14">
            <a:extLst>
              <a:ext uri="{FF2B5EF4-FFF2-40B4-BE49-F238E27FC236}">
                <a16:creationId xmlns:a16="http://schemas.microsoft.com/office/drawing/2014/main" id="{A3730497-CA66-4CCE-9128-3C544C7579B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860166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0925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4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E30CC86D-A9F1-4C7F-8A8B-0E2535F8A86C}"/>
              </a:ext>
            </a:extLst>
          </p:cNvPr>
          <p:cNvSpPr/>
          <p:nvPr userDrawn="1"/>
        </p:nvSpPr>
        <p:spPr>
          <a:xfrm>
            <a:off x="5466988" y="0"/>
            <a:ext cx="3677012" cy="5143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76" name="Picture Placeholder 75">
            <a:extLst>
              <a:ext uri="{FF2B5EF4-FFF2-40B4-BE49-F238E27FC236}">
                <a16:creationId xmlns:a16="http://schemas.microsoft.com/office/drawing/2014/main" id="{C0D90AE0-1FCB-4D84-ABAD-75632D77D5F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75" name="Dots">
            <a:extLst>
              <a:ext uri="{FF2B5EF4-FFF2-40B4-BE49-F238E27FC236}">
                <a16:creationId xmlns:a16="http://schemas.microsoft.com/office/drawing/2014/main" id="{2E3B1537-5542-4DE2-9E35-373E9D811F5A}"/>
              </a:ext>
            </a:extLst>
          </p:cNvPr>
          <p:cNvSpPr/>
          <p:nvPr userDrawn="1"/>
        </p:nvSpPr>
        <p:spPr>
          <a:xfrm rot="16200000">
            <a:off x="3783671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 title</a:t>
            </a:r>
            <a:endParaRPr lang="en-GB" dirty="0"/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EACBBB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769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mages and tex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A68EE013-AE2A-4248-8BCF-2E64E6BABDD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2478281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D11CE9E7-F377-4DD8-A11A-DDDEDEC0BC68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669224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5781105-3433-4B25-8A2C-71205B96E3F9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860166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1" name="Text Placeholder 14">
            <a:extLst>
              <a:ext uri="{FF2B5EF4-FFF2-40B4-BE49-F238E27FC236}">
                <a16:creationId xmlns:a16="http://schemas.microsoft.com/office/drawing/2014/main" id="{E390B699-9829-4C4D-9271-54B5879B36A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78281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2" name="Text Placeholder 14">
            <a:extLst>
              <a:ext uri="{FF2B5EF4-FFF2-40B4-BE49-F238E27FC236}">
                <a16:creationId xmlns:a16="http://schemas.microsoft.com/office/drawing/2014/main" id="{63A6803F-D4D2-4ED2-A99D-780C639CA58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78281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23" name="Text Placeholder 14">
            <a:extLst>
              <a:ext uri="{FF2B5EF4-FFF2-40B4-BE49-F238E27FC236}">
                <a16:creationId xmlns:a16="http://schemas.microsoft.com/office/drawing/2014/main" id="{EF14BB3F-0B6E-49DE-98D5-69F9B40A1CC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69224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4" name="Text Placeholder 14">
            <a:extLst>
              <a:ext uri="{FF2B5EF4-FFF2-40B4-BE49-F238E27FC236}">
                <a16:creationId xmlns:a16="http://schemas.microsoft.com/office/drawing/2014/main" id="{FE678802-AB38-4C6E-AE7F-BDD84189529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669224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25" name="Text Placeholder 14">
            <a:extLst>
              <a:ext uri="{FF2B5EF4-FFF2-40B4-BE49-F238E27FC236}">
                <a16:creationId xmlns:a16="http://schemas.microsoft.com/office/drawing/2014/main" id="{92B200A8-A390-4184-A558-D2CFC7EE0D3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860166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7" name="Text Placeholder 14">
            <a:extLst>
              <a:ext uri="{FF2B5EF4-FFF2-40B4-BE49-F238E27FC236}">
                <a16:creationId xmlns:a16="http://schemas.microsoft.com/office/drawing/2014/main" id="{8B535D04-089D-4C0C-B8F6-D5DF48A1F415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860166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3905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 userDrawn="1">
          <p15:clr>
            <a:srgbClr val="FBAE40"/>
          </p15:clr>
        </p15:guide>
        <p15:guide id="4" pos="1560" userDrawn="1">
          <p15:clr>
            <a:srgbClr val="FBAE40"/>
          </p15:clr>
        </p15:guide>
        <p15:guide id="5" pos="2822" userDrawn="1">
          <p15:clr>
            <a:srgbClr val="FBAE40"/>
          </p15:clr>
        </p15:guide>
        <p15:guide id="6" pos="2938" userDrawn="1">
          <p15:clr>
            <a:srgbClr val="FBAE40"/>
          </p15:clr>
        </p15:guide>
        <p15:guide id="7" pos="4200" userDrawn="1">
          <p15:clr>
            <a:srgbClr val="FBAE40"/>
          </p15:clr>
        </p15:guide>
        <p15:guide id="8" pos="4320" userDrawn="1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mages and text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Add text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6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4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0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7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847020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x images and text 2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4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Add text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6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4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0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7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grpSp>
        <p:nvGrpSpPr>
          <p:cNvPr id="24" name="Graphic 19">
            <a:extLst>
              <a:ext uri="{FF2B5EF4-FFF2-40B4-BE49-F238E27FC236}">
                <a16:creationId xmlns:a16="http://schemas.microsoft.com/office/drawing/2014/main" id="{5CC8B7A0-2360-4832-B9E7-49352F47A83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CA8F1401-E0F2-461D-85B4-02FDA74BB5D9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582F35A7-8A2B-4FF2-A1E8-99D75F379886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D5C9C0E-C64F-46A9-9415-8782E041020C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ED84713D-6A8A-4EAC-BAF4-83F70D66F4E1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455E89E9-6C1C-4EB7-9FED-1C1FD794E0B0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411A293C-5052-4D21-8F50-DA0D72838197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D4F4B9DB-A9E1-435B-878B-490E939360C1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1B76F0E2-4080-4D43-8644-401166DCDC5E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69BCF3C8-D2F8-438A-A873-DF0402FC896A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F8C42139-8062-4FD9-9B40-4BCFDDD36DA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BA944A91-33C1-4ADE-8FB5-15D1FE8FA941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A06DE010-8ADA-4F76-B38B-9E349C057147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6A56F72D-51AA-44C6-BC2E-5F4EE0D24A04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D9C1FA35-C8B3-4870-823A-0B90FAAB5962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757354A1-63A3-4F27-920D-EFF00C17E53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27C2FD7F-FBA5-43CC-A963-981788BB7623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6588CA61-DEFD-4976-9996-87212E2661A2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DD4D684D-C933-48E6-9C41-60C5627A49B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2F3C24D9-5BCF-4584-BEB2-A5AEDCE20EF7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E3C4D663-7165-48F4-9686-91465E1A5CE2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36741609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x images and text 3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8313A7A-AD91-4ED9-8CF5-6890BC33877C}"/>
              </a:ext>
            </a:extLst>
          </p:cNvPr>
          <p:cNvSpPr/>
          <p:nvPr userDrawn="1"/>
        </p:nvSpPr>
        <p:spPr>
          <a:xfrm>
            <a:off x="0" y="0"/>
            <a:ext cx="9144000" cy="193667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Add text</a:t>
            </a:r>
          </a:p>
          <a:p>
            <a:pPr lvl="1"/>
            <a:endParaRPr lang="en-GB" dirty="0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6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4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0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7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grpSp>
        <p:nvGrpSpPr>
          <p:cNvPr id="25" name="Graphic 19">
            <a:extLst>
              <a:ext uri="{FF2B5EF4-FFF2-40B4-BE49-F238E27FC236}">
                <a16:creationId xmlns:a16="http://schemas.microsoft.com/office/drawing/2014/main" id="{295ED415-EFF4-49B1-9B83-14D805C8683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AE50E246-4B63-4151-BE8D-37165C5D6C5B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5C1A517-F5DD-4D53-9724-AF544C275B5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FAA572DC-A561-496D-BC6D-E1FD6E3B68C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6FDBEAD8-7C52-4DCF-91A6-8BD34167D2DF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A36BA790-BF39-451D-ABF3-5149EA9C15C9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38CA8B14-C4C6-49FC-A169-F6F49E589AEE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17ADB2A-C220-42C9-B79D-755B26C88FD8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6396D9DE-7353-49B0-939B-5F018064D87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6AB56403-DA0E-4E01-B8B2-9CE1607ECD2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BD0E7DF6-8A2F-4690-AC60-54277374A7F1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FCD5CC34-1A70-4D34-8AF9-4ABDAC33F70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DD720656-C571-496B-97C6-B85DD315C9BE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64AED83-2A56-42DB-A602-67E4950368F6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61CBFC2F-3522-49EF-B4F8-85801E40F661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1E6C9D9-3601-404B-9A91-ADD5A620910B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5CC5C52F-44CF-42AD-93CB-FC3FAA14197C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B1584459-6F57-4FD0-9280-FB9BFB754D77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07E20A86-3A17-4A4E-B262-F113A5382072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411B58AE-7C60-4E75-830A-7712D027C91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BBE11415-60BF-44A6-8BEE-A0F971454D1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17711487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and pictur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EFD8556-0AB6-4925-BC1F-6A8D224BE8A2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572000" y="0"/>
            <a:ext cx="4572000" cy="514350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5"/>
            <a:ext cx="4032248" cy="1008064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92A6F489-9E7E-06F8-A257-C4E8A191B67B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1384300"/>
            <a:ext cx="40322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                                         Press ENTER then TAB to view next text style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11577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pos="2880" userDrawn="1">
          <p15:clr>
            <a:srgbClr val="FBAE40"/>
          </p15:clr>
        </p15:guide>
        <p15:guide id="4" pos="2721" userDrawn="1">
          <p15:clr>
            <a:srgbClr val="FBAE40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and pictur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EFD8556-0AB6-4925-BC1F-6A8D224BE8A2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3203575" y="0"/>
            <a:ext cx="5940425" cy="514350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5"/>
            <a:ext cx="2663824" cy="1008064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63900FFE-3876-DD64-F500-799DA81E7D4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1384300"/>
            <a:ext cx="2663825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8142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and pictur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C1A66733-51BD-4A1B-A1E1-2EA7AEFEDF6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5580061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464F4DFE-FB0A-B5A1-E66B-F67EF5EF49C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1384300"/>
            <a:ext cx="26638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E8FF44A2-CE83-8C47-172B-8563FB396F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197181" y="1384300"/>
            <a:ext cx="26638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4082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rt graphic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EE5DA41E-7697-64A3-65DF-F82F4718B606}"/>
              </a:ext>
            </a:extLst>
          </p:cNvPr>
          <p:cNvSpPr/>
          <p:nvPr userDrawn="1"/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4032248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6EC4B04A-FD2E-440A-B266-DB1890A20B15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4E67AE1-3A55-4FE3-AFA3-D44BDDE51A76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DDF7F79-ACCF-4E1A-8668-26E48867812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BB84DAD-A6E2-4856-A62D-335C50EF1184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7650A64-39E5-4A8B-8C8A-C967473220D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0D8D9B8-112F-4E87-8C53-3E8A9737CAC8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4A42C00B-48E5-45D9-8C25-3D9FDFC144D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6846ED9-346A-4E74-B2C7-E35F271FA7E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FA4A0209-A5B5-4352-AA4A-3EC008E71236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2F71D0-BFBB-44B6-9F79-499711036F5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5386E7E-229C-4AC3-B5BE-E9CF22FEE78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B68B6AE-6454-46C6-821D-20923944E95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10546DE-A37B-4F37-8A23-7BEA4B35C08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5D784D4-ED0C-4B9F-8199-612AB0334EE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06A1E2-3540-412C-96A7-24C8339F578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5836F61A-C498-4BF3-B126-BBAD79E248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40BA1CDF-7FA8-43EC-B8CB-01A67A5DBA4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BFE79733-74E2-4B88-A2C0-8A84B618AE3F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36604E9F-B455-447C-840D-B2E6098341A3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7CE3B313-27DB-4FE0-A76F-6254993DF3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E40B51F9-0E4E-4B25-9A8D-AB82B7CD8FDA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pic>
        <p:nvPicPr>
          <p:cNvPr id="4" name="Graphic 3">
            <a:extLst>
              <a:ext uri="{FF2B5EF4-FFF2-40B4-BE49-F238E27FC236}">
                <a16:creationId xmlns:a16="http://schemas.microsoft.com/office/drawing/2014/main" id="{D3DC322E-3850-001F-D386-2DABC30A767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225498" y="939247"/>
            <a:ext cx="3265004" cy="3265004"/>
          </a:xfrm>
          <a:prstGeom prst="rect">
            <a:avLst/>
          </a:prstGeom>
        </p:spPr>
      </p:pic>
      <p:sp>
        <p:nvSpPr>
          <p:cNvPr id="6" name="Text Placeholder 6">
            <a:extLst>
              <a:ext uri="{FF2B5EF4-FFF2-40B4-BE49-F238E27FC236}">
                <a16:creationId xmlns:a16="http://schemas.microsoft.com/office/drawing/2014/main" id="{8688E7A2-312F-0A45-FB99-BD1D0E6D145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1384300"/>
            <a:ext cx="40322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531980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0" userDrawn="1">
          <p15:clr>
            <a:srgbClr val="FBAE40"/>
          </p15:clr>
        </p15:guide>
        <p15:guide id="2" pos="2721" userDrawn="1">
          <p15:clr>
            <a:srgbClr val="FBAE40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hree pictures/textboxes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2F2EED53-4FAF-470B-BABA-95415FCA0B32}"/>
              </a:ext>
            </a:extLst>
          </p:cNvPr>
          <p:cNvSpPr/>
          <p:nvPr userDrawn="1"/>
        </p:nvSpPr>
        <p:spPr>
          <a:xfrm>
            <a:off x="0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2663824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6EC4B04A-FD2E-440A-B266-DB1890A20B15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4E67AE1-3A55-4FE3-AFA3-D44BDDE51A76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DDF7F79-ACCF-4E1A-8668-26E48867812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BB84DAD-A6E2-4856-A62D-335C50EF1184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7650A64-39E5-4A8B-8C8A-C967473220D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0D8D9B8-112F-4E87-8C53-3E8A9737CAC8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4A42C00B-48E5-45D9-8C25-3D9FDFC144D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6846ED9-346A-4E74-B2C7-E35F271FA7E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FA4A0209-A5B5-4352-AA4A-3EC008E71236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2F71D0-BFBB-44B6-9F79-499711036F5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5386E7E-229C-4AC3-B5BE-E9CF22FEE78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B68B6AE-6454-46C6-821D-20923944E95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10546DE-A37B-4F37-8A23-7BEA4B35C08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5D784D4-ED0C-4B9F-8199-612AB0334EE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06A1E2-3540-412C-96A7-24C8339F578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5836F61A-C498-4BF3-B126-BBAD79E248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40BA1CDF-7FA8-43EC-B8CB-01A67A5DBA4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BFE79733-74E2-4B88-A2C0-8A84B618AE3F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36604E9F-B455-447C-840D-B2E6098341A3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7CE3B313-27DB-4FE0-A76F-6254993DF3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E40B51F9-0E4E-4B25-9A8D-AB82B7CD8FDA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6ED0B705-AD58-4371-B16B-CE872F23B60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238046" y="1166759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7" name="Picture Placeholder 5">
            <a:extLst>
              <a:ext uri="{FF2B5EF4-FFF2-40B4-BE49-F238E27FC236}">
                <a16:creationId xmlns:a16="http://schemas.microsoft.com/office/drawing/2014/main" id="{91CD0FB5-E4FD-4E34-9502-77B6475DA32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38046" y="2120916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8" name="Picture Placeholder 5">
            <a:extLst>
              <a:ext uri="{FF2B5EF4-FFF2-40B4-BE49-F238E27FC236}">
                <a16:creationId xmlns:a16="http://schemas.microsoft.com/office/drawing/2014/main" id="{F7DDAB31-986C-40A8-9C1D-E66196707E32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238046" y="3075073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ED74DBC9-5F8C-482F-B8EC-528AE7B206B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204211" y="1166759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1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4526E8DE-9F24-429B-97B3-00129BD207F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204211" y="2120916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1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6980C8EB-C6DC-4B20-952E-C374410D186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204211" y="3075073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1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1DE8A679-0759-713E-0CE2-3E0787163AE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87338" y="1384300"/>
            <a:ext cx="26638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93892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Content">
    <p:bg>
      <p:bgPr>
        <a:solidFill>
          <a:schemeClr val="accent4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90CF30B-0460-4090-8253-4C0C66AF2BC8}"/>
              </a:ext>
            </a:extLst>
          </p:cNvPr>
          <p:cNvSpPr/>
          <p:nvPr userDrawn="1"/>
        </p:nvSpPr>
        <p:spPr>
          <a:xfrm>
            <a:off x="0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2663824" cy="1008064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2135EBB7-89A2-462D-8F90-9B79ED46DCA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AFCE5AD2-C0B6-4416-8377-C3F33413204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D6495CA5-5589-4B2B-98FB-D20F392F574D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2252530-7889-4BA8-831A-58B2276F173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5AFEE500-4CD8-40CF-AB55-7E7F80EC6513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CA17C36B-8CE7-4ECB-A0B5-E528AD02774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6E66A775-32E8-41CB-90F0-5C4576F39F1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38384A2-15B4-4BDE-8BE0-77541982E33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A87B1E7-E372-44CB-973A-519D64CAD6F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DC3A118D-41E8-4B95-A78E-85F79ECB770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961566C-4B79-4974-A51E-FC5CCE1B625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1ED51D0D-C996-4EE9-B171-AD29F2DE7B9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B3FC1AA2-5191-46F5-AB4E-A9D20CD3857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C96860F0-A49A-4285-B37A-503ECD985D00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BE11755-AF30-4D54-BF20-F853D417C57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F189726A-4322-4ABC-A42A-685C0655ABD9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5106B221-15F6-479D-BFA6-3915FE60FFD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421E8CBF-44DC-42F6-8736-FF558A5B9D4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FE4AC2BA-2471-4EDF-A746-20381B89DBE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2BFA87CC-878C-4AF8-8560-B98D25B8FCB1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10171221-5F88-475A-BA07-A22812E05880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99B0955-4799-4906-A566-C24D9C3A04F8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455988" y="231775"/>
            <a:ext cx="5400675" cy="4392613"/>
          </a:xfrm>
        </p:spPr>
        <p:txBody>
          <a:bodyPr/>
          <a:lstStyle>
            <a:lvl1pPr marL="0" indent="0">
              <a:buNone/>
              <a:defRPr/>
            </a:lvl1pPr>
            <a:lvl2pPr marL="179388" indent="0">
              <a:buNone/>
              <a:defRPr/>
            </a:lvl2pPr>
          </a:lstStyle>
          <a:p>
            <a:pPr lvl="0"/>
            <a:r>
              <a:rPr lang="en-GB"/>
              <a:t>Click to add content for example chart or table</a:t>
            </a:r>
            <a:endParaRPr lang="en-GB" dirty="0"/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B6CDCEF1-939E-8BA0-6055-2F9766971AC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87338" y="1384300"/>
            <a:ext cx="26638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84607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  <p15:guide id="5" pos="2177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851819"/>
            <a:ext cx="3273091" cy="1439863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 dirty="0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A9A9A9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13" indent="-239713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1pPr>
            <a:lvl2pPr marL="407988" indent="-173038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2pPr>
            <a:lvl3pPr marL="587375" indent="-174625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3pPr>
            <a:lvl4pPr marL="768350" indent="-188913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4pPr>
            <a:lvl5pPr marL="946150" indent="-177800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5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326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 userDrawn="1">
          <p15:clr>
            <a:srgbClr val="FBAE40"/>
          </p15:clr>
        </p15:guide>
        <p15:guide id="4" pos="2245" userDrawn="1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four char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8569322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Chart Placeholder 5">
            <a:extLst>
              <a:ext uri="{FF2B5EF4-FFF2-40B4-BE49-F238E27FC236}">
                <a16:creationId xmlns:a16="http://schemas.microsoft.com/office/drawing/2014/main" id="{DB9FC45D-54D5-4036-93FE-B8CC03146E43}"/>
              </a:ext>
            </a:extLst>
          </p:cNvPr>
          <p:cNvSpPr>
            <a:spLocks noGrp="1"/>
          </p:cNvSpPr>
          <p:nvPr>
            <p:ph type="chart" sz="quarter" idx="19"/>
          </p:nvPr>
        </p:nvSpPr>
        <p:spPr>
          <a:xfrm>
            <a:off x="3203575" y="1387561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  <a:endParaRPr lang="en-GB" dirty="0"/>
          </a:p>
        </p:txBody>
      </p:sp>
      <p:sp>
        <p:nvSpPr>
          <p:cNvPr id="17" name="Chart Placeholder 5">
            <a:extLst>
              <a:ext uri="{FF2B5EF4-FFF2-40B4-BE49-F238E27FC236}">
                <a16:creationId xmlns:a16="http://schemas.microsoft.com/office/drawing/2014/main" id="{4712E5B9-D971-42A0-B7C2-EADDA62014AD}"/>
              </a:ext>
            </a:extLst>
          </p:cNvPr>
          <p:cNvSpPr>
            <a:spLocks noGrp="1"/>
          </p:cNvSpPr>
          <p:nvPr>
            <p:ph type="chart" sz="quarter" idx="20"/>
          </p:nvPr>
        </p:nvSpPr>
        <p:spPr>
          <a:xfrm>
            <a:off x="6156324" y="1387561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  <a:endParaRPr lang="en-GB" dirty="0"/>
          </a:p>
        </p:txBody>
      </p:sp>
      <p:sp>
        <p:nvSpPr>
          <p:cNvPr id="19" name="Chart Placeholder 5">
            <a:extLst>
              <a:ext uri="{FF2B5EF4-FFF2-40B4-BE49-F238E27FC236}">
                <a16:creationId xmlns:a16="http://schemas.microsoft.com/office/drawing/2014/main" id="{0512725E-F973-4E54-B29A-0CF2150058E6}"/>
              </a:ext>
            </a:extLst>
          </p:cNvPr>
          <p:cNvSpPr>
            <a:spLocks noGrp="1"/>
          </p:cNvSpPr>
          <p:nvPr>
            <p:ph type="chart" sz="quarter" idx="21"/>
          </p:nvPr>
        </p:nvSpPr>
        <p:spPr>
          <a:xfrm>
            <a:off x="3203575" y="3068232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  <a:endParaRPr lang="en-GB" dirty="0"/>
          </a:p>
        </p:txBody>
      </p:sp>
      <p:sp>
        <p:nvSpPr>
          <p:cNvPr id="20" name="Chart Placeholder 5">
            <a:extLst>
              <a:ext uri="{FF2B5EF4-FFF2-40B4-BE49-F238E27FC236}">
                <a16:creationId xmlns:a16="http://schemas.microsoft.com/office/drawing/2014/main" id="{BE898CDF-F524-424F-97F4-3286D721F31E}"/>
              </a:ext>
            </a:extLst>
          </p:cNvPr>
          <p:cNvSpPr>
            <a:spLocks noGrp="1"/>
          </p:cNvSpPr>
          <p:nvPr>
            <p:ph type="chart" sz="quarter" idx="22"/>
          </p:nvPr>
        </p:nvSpPr>
        <p:spPr>
          <a:xfrm>
            <a:off x="6156324" y="3068232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  <a:endParaRPr lang="en-GB" dirty="0"/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F082958F-84AD-AD32-01DA-E027398C9CEB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1384300"/>
            <a:ext cx="26638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06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719" userDrawn="1">
          <p15:clr>
            <a:srgbClr val="FBAE40"/>
          </p15:clr>
        </p15:guide>
        <p15:guide id="4" pos="3878" userDrawn="1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picture and text boxes">
    <p:bg>
      <p:bgPr>
        <a:solidFill>
          <a:schemeClr val="accent4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DB9D176-43F4-4CF4-9D48-99DC583F1DC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0" y="0"/>
            <a:ext cx="9144000" cy="2664823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779776"/>
            <a:ext cx="2628899" cy="959674"/>
          </a:xfrm>
        </p:spPr>
        <p:txBody>
          <a:bodyPr anchor="b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Short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F4B38B19-CADF-4FC1-9242-DEBCD1E6C24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3817825"/>
            <a:ext cx="2628899" cy="806563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  <a:endParaRPr lang="en-GB" dirty="0"/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0E5DF87C-1B84-491A-8BE0-03F3EBFD02F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025775" y="2481943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2" name="Text Placeholder 13">
            <a:extLst>
              <a:ext uri="{FF2B5EF4-FFF2-40B4-BE49-F238E27FC236}">
                <a16:creationId xmlns:a16="http://schemas.microsoft.com/office/drawing/2014/main" id="{5647C692-E63D-49B1-87FE-EBCEE07743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512486" y="2481943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93A47FA5-323D-4520-BD12-CAE389183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999197" y="2481943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5" name="Text Placeholder 13">
            <a:extLst>
              <a:ext uri="{FF2B5EF4-FFF2-40B4-BE49-F238E27FC236}">
                <a16:creationId xmlns:a16="http://schemas.microsoft.com/office/drawing/2014/main" id="{5F8C725A-89A3-4153-BB30-F09829AE080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485909" y="2481943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grpSp>
        <p:nvGrpSpPr>
          <p:cNvPr id="12" name="Graphic 19">
            <a:extLst>
              <a:ext uri="{FF2B5EF4-FFF2-40B4-BE49-F238E27FC236}">
                <a16:creationId xmlns:a16="http://schemas.microsoft.com/office/drawing/2014/main" id="{691AC394-9248-4039-8E50-C101568C6709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143BDC3D-AD61-45CE-A8A1-490AAA5F00C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B9CAF52B-FEB5-4063-BF03-8DAB1A1DCD6E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06E4EF46-7899-44A1-AD87-170E9FD242E1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CDB3F867-C063-43D5-B576-5CA83248993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CD15FA3C-528C-40E5-BEE3-CF931ADE651A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A54B0C5F-08F4-432F-A242-B454A9CC1C15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481C99C-C0CB-4857-A242-11A0F5F263FF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B9C1FBA-8D6B-43B7-896B-18A9BD44314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DFE2845E-50B1-4929-8CCC-431CF1908DB9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F0BCB425-0629-4FAE-892E-75DA29D6C70E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C52423C4-146D-4CD1-AC12-13A6E50CD20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51204195-B8E8-4199-B513-4C624D7FF51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8E16977-2DA8-4FB8-BDBC-CB82EB8BD35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AABFEAA9-BFEC-4B3A-A94B-BD0A37BF1E42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1E90EE70-DDFA-4420-BFEC-9C360B6B5D14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18831A3E-F74A-4F0B-AF34-7995508C9D87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A55B767E-7BC8-405B-921D-D31733AD40F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631A0B14-5829-43E9-8BDE-856A4C89923E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7054B147-4296-4BE7-B95F-E88CD59482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1D069002-3AB5-43B9-9E09-76B857DC35E4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33462276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3703" userDrawn="1">
          <p15:clr>
            <a:srgbClr val="FBAE40"/>
          </p15:clr>
        </p15:guide>
        <p15:guide id="6" pos="1906">
          <p15:clr>
            <a:srgbClr val="FBAE40"/>
          </p15:clr>
        </p15:guide>
        <p15:guide id="8" pos="4641" userDrawn="1">
          <p15:clr>
            <a:srgbClr val="FBAE40"/>
          </p15:clr>
        </p15:guide>
        <p15:guide id="9" pos="2765" userDrawn="1">
          <p15:clr>
            <a:srgbClr val="FBAE40"/>
          </p15:clr>
        </p15:guide>
        <p15:guide id="10" pos="2841" userDrawn="1">
          <p15:clr>
            <a:srgbClr val="FBAE40"/>
          </p15:clr>
        </p15:guide>
        <p15:guide id="11" pos="4713" userDrawn="1">
          <p15:clr>
            <a:srgbClr val="FBAE40"/>
          </p15:clr>
        </p15:guide>
        <p15:guide id="12" pos="3779" userDrawn="1">
          <p15:clr>
            <a:srgbClr val="FBAE40"/>
          </p15:clr>
        </p15:guide>
        <p15:guide id="13" pos="1837" userDrawn="1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and picture">
    <p:bg>
      <p:bgPr>
        <a:solidFill>
          <a:schemeClr val="bg1">
            <a:alpha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0" name="Graphic 19">
            <a:extLst>
              <a:ext uri="{FF2B5EF4-FFF2-40B4-BE49-F238E27FC236}">
                <a16:creationId xmlns:a16="http://schemas.microsoft.com/office/drawing/2014/main" id="{F9A4D9FD-CBA9-40AA-91C5-801F8F4B35E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FC5F8EEE-2027-46C3-82D5-D3E0B524B20A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D5E5DA65-E88D-4B8F-BDD0-D371EBFBC062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33BBA3BA-AF69-4109-AA0F-4A6BECA6C90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70480C05-4466-41F2-B953-A8E8FB25A334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4C14D13C-4832-499F-8903-ABB1786FF8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59C48CD1-6002-431D-B38B-08CFDB1A89EA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B6BBB8E-0F04-4150-97B3-5404F99AFE74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A09964C1-6BBC-4245-B301-D30808802003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86D3991D-A712-44FA-89EB-7BDFB0DB4FE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5C6A05A4-5020-4952-82E3-51EC5D635195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6EC34952-04E0-420A-8BE3-831FB2616BFB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848EA399-3B88-4CA8-9D1A-293A2C3CD3BB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5B2ED039-0F80-4B51-AC5E-256F8FA436D2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A2667AFB-8508-4465-8CA5-6800BBB37E51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25421509-60E5-4A51-A352-5F4A3F8613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D821F839-D929-4109-AA3A-3155D7A176F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414D6F91-D12D-4D3E-812A-BEBB42E63C46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D715EF96-BBC6-42A2-86B6-AC60005BD88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6900032B-B9B7-4593-AF87-A68F29EB641E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1043F203-4F1E-4B31-AA26-28D0D288B046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59" name="Picture Placeholder 58">
            <a:extLst>
              <a:ext uri="{FF2B5EF4-FFF2-40B4-BE49-F238E27FC236}">
                <a16:creationId xmlns:a16="http://schemas.microsoft.com/office/drawing/2014/main" id="{5AB387F6-333B-46D5-8551-80AE0CFDA722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347256 w 9144000"/>
              <a:gd name="connsiteY0" fmla="*/ 4985347 h 5143500"/>
              <a:gd name="connsiteX1" fmla="*/ 342841 w 9144000"/>
              <a:gd name="connsiteY1" fmla="*/ 4989763 h 5143500"/>
              <a:gd name="connsiteX2" fmla="*/ 347256 w 9144000"/>
              <a:gd name="connsiteY2" fmla="*/ 4994178 h 5143500"/>
              <a:gd name="connsiteX3" fmla="*/ 351671 w 9144000"/>
              <a:gd name="connsiteY3" fmla="*/ 4989762 h 5143500"/>
              <a:gd name="connsiteX4" fmla="*/ 351671 w 9144000"/>
              <a:gd name="connsiteY4" fmla="*/ 4989714 h 5143500"/>
              <a:gd name="connsiteX5" fmla="*/ 347304 w 9144000"/>
              <a:gd name="connsiteY5" fmla="*/ 4985347 h 5143500"/>
              <a:gd name="connsiteX6" fmla="*/ 347256 w 9144000"/>
              <a:gd name="connsiteY6" fmla="*/ 4985347 h 5143500"/>
              <a:gd name="connsiteX7" fmla="*/ 335514 w 9144000"/>
              <a:gd name="connsiteY7" fmla="*/ 4984571 h 5143500"/>
              <a:gd name="connsiteX8" fmla="*/ 330371 w 9144000"/>
              <a:gd name="connsiteY8" fmla="*/ 4989714 h 5143500"/>
              <a:gd name="connsiteX9" fmla="*/ 335514 w 9144000"/>
              <a:gd name="connsiteY9" fmla="*/ 4994857 h 5143500"/>
              <a:gd name="connsiteX10" fmla="*/ 340657 w 9144000"/>
              <a:gd name="connsiteY10" fmla="*/ 4989714 h 5143500"/>
              <a:gd name="connsiteX11" fmla="*/ 335514 w 9144000"/>
              <a:gd name="connsiteY11" fmla="*/ 4984571 h 5143500"/>
              <a:gd name="connsiteX12" fmla="*/ 358998 w 9144000"/>
              <a:gd name="connsiteY12" fmla="*/ 4972829 h 5143500"/>
              <a:gd name="connsiteX13" fmla="*/ 353855 w 9144000"/>
              <a:gd name="connsiteY13" fmla="*/ 4977972 h 5143500"/>
              <a:gd name="connsiteX14" fmla="*/ 358998 w 9144000"/>
              <a:gd name="connsiteY14" fmla="*/ 4983115 h 5143500"/>
              <a:gd name="connsiteX15" fmla="*/ 364141 w 9144000"/>
              <a:gd name="connsiteY15" fmla="*/ 4977972 h 5143500"/>
              <a:gd name="connsiteX16" fmla="*/ 358998 w 9144000"/>
              <a:gd name="connsiteY16" fmla="*/ 4972829 h 5143500"/>
              <a:gd name="connsiteX17" fmla="*/ 335514 w 9144000"/>
              <a:gd name="connsiteY17" fmla="*/ 4972102 h 5143500"/>
              <a:gd name="connsiteX18" fmla="*/ 329791 w 9144000"/>
              <a:gd name="connsiteY18" fmla="*/ 4978117 h 5143500"/>
              <a:gd name="connsiteX19" fmla="*/ 335805 w 9144000"/>
              <a:gd name="connsiteY19" fmla="*/ 4983840 h 5143500"/>
              <a:gd name="connsiteX20" fmla="*/ 341459 w 9144000"/>
              <a:gd name="connsiteY20" fmla="*/ 4978047 h 5143500"/>
              <a:gd name="connsiteX21" fmla="*/ 347256 w 9144000"/>
              <a:gd name="connsiteY21" fmla="*/ 4983844 h 5143500"/>
              <a:gd name="connsiteX22" fmla="*/ 353127 w 9144000"/>
              <a:gd name="connsiteY22" fmla="*/ 4977973 h 5143500"/>
              <a:gd name="connsiteX23" fmla="*/ 347256 w 9144000"/>
              <a:gd name="connsiteY23" fmla="*/ 4972102 h 5143500"/>
              <a:gd name="connsiteX24" fmla="*/ 341458 w 9144000"/>
              <a:gd name="connsiteY24" fmla="*/ 4977900 h 5143500"/>
              <a:gd name="connsiteX25" fmla="*/ 335660 w 9144000"/>
              <a:gd name="connsiteY25" fmla="*/ 4972102 h 5143500"/>
              <a:gd name="connsiteX26" fmla="*/ 370642 w 9144000"/>
              <a:gd name="connsiteY26" fmla="*/ 4961961 h 5143500"/>
              <a:gd name="connsiteX27" fmla="*/ 366227 w 9144000"/>
              <a:gd name="connsiteY27" fmla="*/ 4966376 h 5143500"/>
              <a:gd name="connsiteX28" fmla="*/ 370642 w 9144000"/>
              <a:gd name="connsiteY28" fmla="*/ 4970792 h 5143500"/>
              <a:gd name="connsiteX29" fmla="*/ 375057 w 9144000"/>
              <a:gd name="connsiteY29" fmla="*/ 4966376 h 5143500"/>
              <a:gd name="connsiteX30" fmla="*/ 370642 w 9144000"/>
              <a:gd name="connsiteY30" fmla="*/ 4961961 h 5143500"/>
              <a:gd name="connsiteX31" fmla="*/ 370643 w 9144000"/>
              <a:gd name="connsiteY31" fmla="*/ 4949297 h 5143500"/>
              <a:gd name="connsiteX32" fmla="*/ 365500 w 9144000"/>
              <a:gd name="connsiteY32" fmla="*/ 4954440 h 5143500"/>
              <a:gd name="connsiteX33" fmla="*/ 370643 w 9144000"/>
              <a:gd name="connsiteY33" fmla="*/ 4959583 h 5143500"/>
              <a:gd name="connsiteX34" fmla="*/ 375786 w 9144000"/>
              <a:gd name="connsiteY34" fmla="*/ 4954440 h 5143500"/>
              <a:gd name="connsiteX35" fmla="*/ 370643 w 9144000"/>
              <a:gd name="connsiteY35" fmla="*/ 4949297 h 5143500"/>
              <a:gd name="connsiteX36" fmla="*/ 358998 w 9144000"/>
              <a:gd name="connsiteY36" fmla="*/ 4948521 h 5143500"/>
              <a:gd name="connsiteX37" fmla="*/ 353079 w 9144000"/>
              <a:gd name="connsiteY37" fmla="*/ 4954440 h 5143500"/>
              <a:gd name="connsiteX38" fmla="*/ 358998 w 9144000"/>
              <a:gd name="connsiteY38" fmla="*/ 4960360 h 5143500"/>
              <a:gd name="connsiteX39" fmla="*/ 353127 w 9144000"/>
              <a:gd name="connsiteY39" fmla="*/ 4966231 h 5143500"/>
              <a:gd name="connsiteX40" fmla="*/ 358998 w 9144000"/>
              <a:gd name="connsiteY40" fmla="*/ 4972199 h 5143500"/>
              <a:gd name="connsiteX41" fmla="*/ 364965 w 9144000"/>
              <a:gd name="connsiteY41" fmla="*/ 4966328 h 5143500"/>
              <a:gd name="connsiteX42" fmla="*/ 359094 w 9144000"/>
              <a:gd name="connsiteY42" fmla="*/ 4960360 h 5143500"/>
              <a:gd name="connsiteX43" fmla="*/ 358998 w 9144000"/>
              <a:gd name="connsiteY43" fmla="*/ 4960360 h 5143500"/>
              <a:gd name="connsiteX44" fmla="*/ 364918 w 9144000"/>
              <a:gd name="connsiteY44" fmla="*/ 4954440 h 5143500"/>
              <a:gd name="connsiteX45" fmla="*/ 358998 w 9144000"/>
              <a:gd name="connsiteY45" fmla="*/ 4948521 h 5143500"/>
              <a:gd name="connsiteX46" fmla="*/ 625032 w 9144000"/>
              <a:gd name="connsiteY46" fmla="*/ 4939788 h 5143500"/>
              <a:gd name="connsiteX47" fmla="*/ 650020 w 9144000"/>
              <a:gd name="connsiteY47" fmla="*/ 4939788 h 5143500"/>
              <a:gd name="connsiteX48" fmla="*/ 650020 w 9144000"/>
              <a:gd name="connsiteY48" fmla="*/ 4948570 h 5143500"/>
              <a:gd name="connsiteX49" fmla="*/ 625032 w 9144000"/>
              <a:gd name="connsiteY49" fmla="*/ 4948570 h 5143500"/>
              <a:gd name="connsiteX50" fmla="*/ 487090 w 9144000"/>
              <a:gd name="connsiteY50" fmla="*/ 4939788 h 5143500"/>
              <a:gd name="connsiteX51" fmla="*/ 512078 w 9144000"/>
              <a:gd name="connsiteY51" fmla="*/ 4939788 h 5143500"/>
              <a:gd name="connsiteX52" fmla="*/ 511884 w 9144000"/>
              <a:gd name="connsiteY52" fmla="*/ 4948570 h 5143500"/>
              <a:gd name="connsiteX53" fmla="*/ 487090 w 9144000"/>
              <a:gd name="connsiteY53" fmla="*/ 4948570 h 5143500"/>
              <a:gd name="connsiteX54" fmla="*/ 573602 w 9144000"/>
              <a:gd name="connsiteY54" fmla="*/ 4939738 h 5143500"/>
              <a:gd name="connsiteX55" fmla="*/ 600045 w 9144000"/>
              <a:gd name="connsiteY55" fmla="*/ 4939738 h 5143500"/>
              <a:gd name="connsiteX56" fmla="*/ 600045 w 9144000"/>
              <a:gd name="connsiteY56" fmla="*/ 4966230 h 5143500"/>
              <a:gd name="connsiteX57" fmla="*/ 573602 w 9144000"/>
              <a:gd name="connsiteY57" fmla="*/ 4966230 h 5143500"/>
              <a:gd name="connsiteX58" fmla="*/ 737502 w 9144000"/>
              <a:gd name="connsiteY58" fmla="*/ 4930957 h 5143500"/>
              <a:gd name="connsiteX59" fmla="*/ 745556 w 9144000"/>
              <a:gd name="connsiteY59" fmla="*/ 4963271 h 5143500"/>
              <a:gd name="connsiteX60" fmla="*/ 757395 w 9144000"/>
              <a:gd name="connsiteY60" fmla="*/ 4975790 h 5143500"/>
              <a:gd name="connsiteX61" fmla="*/ 761713 w 9144000"/>
              <a:gd name="connsiteY61" fmla="*/ 4975790 h 5143500"/>
              <a:gd name="connsiteX62" fmla="*/ 761713 w 9144000"/>
              <a:gd name="connsiteY62" fmla="*/ 4985494 h 5143500"/>
              <a:gd name="connsiteX63" fmla="*/ 745556 w 9144000"/>
              <a:gd name="connsiteY63" fmla="*/ 4985494 h 5143500"/>
              <a:gd name="connsiteX64" fmla="*/ 745556 w 9144000"/>
              <a:gd name="connsiteY64" fmla="*/ 4994276 h 5143500"/>
              <a:gd name="connsiteX65" fmla="*/ 748516 w 9144000"/>
              <a:gd name="connsiteY65" fmla="*/ 4994276 h 5143500"/>
              <a:gd name="connsiteX66" fmla="*/ 770544 w 9144000"/>
              <a:gd name="connsiteY66" fmla="*/ 4978119 h 5143500"/>
              <a:gd name="connsiteX67" fmla="*/ 782286 w 9144000"/>
              <a:gd name="connsiteY67" fmla="*/ 4931103 h 5143500"/>
              <a:gd name="connsiteX68" fmla="*/ 771999 w 9144000"/>
              <a:gd name="connsiteY68" fmla="*/ 4930957 h 5143500"/>
              <a:gd name="connsiteX69" fmla="*/ 765401 w 9144000"/>
              <a:gd name="connsiteY69" fmla="*/ 4966231 h 5143500"/>
              <a:gd name="connsiteX70" fmla="*/ 754387 w 9144000"/>
              <a:gd name="connsiteY70" fmla="*/ 4966231 h 5143500"/>
              <a:gd name="connsiteX71" fmla="*/ 747788 w 9144000"/>
              <a:gd name="connsiteY71" fmla="*/ 4930957 h 5143500"/>
              <a:gd name="connsiteX72" fmla="*/ 730855 w 9144000"/>
              <a:gd name="connsiteY72" fmla="*/ 4930957 h 5143500"/>
              <a:gd name="connsiteX73" fmla="*/ 708885 w 9144000"/>
              <a:gd name="connsiteY73" fmla="*/ 4949820 h 5143500"/>
              <a:gd name="connsiteX74" fmla="*/ 708827 w 9144000"/>
              <a:gd name="connsiteY74" fmla="*/ 4951530 h 5143500"/>
              <a:gd name="connsiteX75" fmla="*/ 708827 w 9144000"/>
              <a:gd name="connsiteY75" fmla="*/ 4966086 h 5143500"/>
              <a:gd name="connsiteX76" fmla="*/ 702956 w 9144000"/>
              <a:gd name="connsiteY76" fmla="*/ 4966086 h 5143500"/>
              <a:gd name="connsiteX77" fmla="*/ 702956 w 9144000"/>
              <a:gd name="connsiteY77" fmla="*/ 4974916 h 5143500"/>
              <a:gd name="connsiteX78" fmla="*/ 733814 w 9144000"/>
              <a:gd name="connsiteY78" fmla="*/ 4974916 h 5143500"/>
              <a:gd name="connsiteX79" fmla="*/ 733814 w 9144000"/>
              <a:gd name="connsiteY79" fmla="*/ 4966086 h 5143500"/>
              <a:gd name="connsiteX80" fmla="*/ 717657 w 9144000"/>
              <a:gd name="connsiteY80" fmla="*/ 4966086 h 5143500"/>
              <a:gd name="connsiteX81" fmla="*/ 717657 w 9144000"/>
              <a:gd name="connsiteY81" fmla="*/ 4939788 h 5143500"/>
              <a:gd name="connsiteX82" fmla="*/ 730855 w 9144000"/>
              <a:gd name="connsiteY82" fmla="*/ 4939788 h 5143500"/>
              <a:gd name="connsiteX83" fmla="*/ 661180 w 9144000"/>
              <a:gd name="connsiteY83" fmla="*/ 4930957 h 5143500"/>
              <a:gd name="connsiteX84" fmla="*/ 670010 w 9144000"/>
              <a:gd name="connsiteY84" fmla="*/ 4964921 h 5143500"/>
              <a:gd name="connsiteX85" fmla="*/ 683256 w 9144000"/>
              <a:gd name="connsiteY85" fmla="*/ 4975984 h 5143500"/>
              <a:gd name="connsiteX86" fmla="*/ 696454 w 9144000"/>
              <a:gd name="connsiteY86" fmla="*/ 4964921 h 5143500"/>
              <a:gd name="connsiteX87" fmla="*/ 705284 w 9144000"/>
              <a:gd name="connsiteY87" fmla="*/ 4930957 h 5143500"/>
              <a:gd name="connsiteX88" fmla="*/ 694853 w 9144000"/>
              <a:gd name="connsiteY88" fmla="*/ 4930957 h 5143500"/>
              <a:gd name="connsiteX89" fmla="*/ 687526 w 9144000"/>
              <a:gd name="connsiteY89" fmla="*/ 4966231 h 5143500"/>
              <a:gd name="connsiteX90" fmla="*/ 678695 w 9144000"/>
              <a:gd name="connsiteY90" fmla="*/ 4966231 h 5143500"/>
              <a:gd name="connsiteX91" fmla="*/ 671466 w 9144000"/>
              <a:gd name="connsiteY91" fmla="*/ 4930957 h 5143500"/>
              <a:gd name="connsiteX92" fmla="*/ 445655 w 9144000"/>
              <a:gd name="connsiteY92" fmla="*/ 4930957 h 5143500"/>
              <a:gd name="connsiteX93" fmla="*/ 445655 w 9144000"/>
              <a:gd name="connsiteY93" fmla="*/ 4939739 h 5143500"/>
              <a:gd name="connsiteX94" fmla="*/ 458852 w 9144000"/>
              <a:gd name="connsiteY94" fmla="*/ 4939739 h 5143500"/>
              <a:gd name="connsiteX95" fmla="*/ 458852 w 9144000"/>
              <a:gd name="connsiteY95" fmla="*/ 4966231 h 5143500"/>
              <a:gd name="connsiteX96" fmla="*/ 450070 w 9144000"/>
              <a:gd name="connsiteY96" fmla="*/ 4966231 h 5143500"/>
              <a:gd name="connsiteX97" fmla="*/ 450070 w 9144000"/>
              <a:gd name="connsiteY97" fmla="*/ 4975013 h 5143500"/>
              <a:gd name="connsiteX98" fmla="*/ 476513 w 9144000"/>
              <a:gd name="connsiteY98" fmla="*/ 4975013 h 5143500"/>
              <a:gd name="connsiteX99" fmla="*/ 476513 w 9144000"/>
              <a:gd name="connsiteY99" fmla="*/ 4966231 h 5143500"/>
              <a:gd name="connsiteX100" fmla="*/ 467683 w 9144000"/>
              <a:gd name="connsiteY100" fmla="*/ 4966231 h 5143500"/>
              <a:gd name="connsiteX101" fmla="*/ 467683 w 9144000"/>
              <a:gd name="connsiteY101" fmla="*/ 4952257 h 5143500"/>
              <a:gd name="connsiteX102" fmla="*/ 445655 w 9144000"/>
              <a:gd name="connsiteY102" fmla="*/ 4930957 h 5143500"/>
              <a:gd name="connsiteX103" fmla="*/ 586848 w 9144000"/>
              <a:gd name="connsiteY103" fmla="*/ 4930228 h 5143500"/>
              <a:gd name="connsiteX104" fmla="*/ 563995 w 9144000"/>
              <a:gd name="connsiteY104" fmla="*/ 4952984 h 5143500"/>
              <a:gd name="connsiteX105" fmla="*/ 586751 w 9144000"/>
              <a:gd name="connsiteY105" fmla="*/ 4975837 h 5143500"/>
              <a:gd name="connsiteX106" fmla="*/ 609603 w 9144000"/>
              <a:gd name="connsiteY106" fmla="*/ 4953081 h 5143500"/>
              <a:gd name="connsiteX107" fmla="*/ 609603 w 9144000"/>
              <a:gd name="connsiteY107" fmla="*/ 4952984 h 5143500"/>
              <a:gd name="connsiteX108" fmla="*/ 587829 w 9144000"/>
              <a:gd name="connsiteY108" fmla="*/ 4930228 h 5143500"/>
              <a:gd name="connsiteX109" fmla="*/ 586848 w 9144000"/>
              <a:gd name="connsiteY109" fmla="*/ 4930228 h 5143500"/>
              <a:gd name="connsiteX110" fmla="*/ 500054 w 9144000"/>
              <a:gd name="connsiteY110" fmla="*/ 4930221 h 5143500"/>
              <a:gd name="connsiteX111" fmla="*/ 499560 w 9144000"/>
              <a:gd name="connsiteY111" fmla="*/ 4930229 h 5143500"/>
              <a:gd name="connsiteX112" fmla="*/ 499366 w 9144000"/>
              <a:gd name="connsiteY112" fmla="*/ 4930229 h 5143500"/>
              <a:gd name="connsiteX113" fmla="*/ 476619 w 9144000"/>
              <a:gd name="connsiteY113" fmla="*/ 4951714 h 5143500"/>
              <a:gd name="connsiteX114" fmla="*/ 476610 w 9144000"/>
              <a:gd name="connsiteY114" fmla="*/ 4952257 h 5143500"/>
              <a:gd name="connsiteX115" fmla="*/ 498638 w 9144000"/>
              <a:gd name="connsiteY115" fmla="*/ 4975013 h 5143500"/>
              <a:gd name="connsiteX116" fmla="*/ 517755 w 9144000"/>
              <a:gd name="connsiteY116" fmla="*/ 4975013 h 5143500"/>
              <a:gd name="connsiteX117" fmla="*/ 517755 w 9144000"/>
              <a:gd name="connsiteY117" fmla="*/ 4966231 h 5143500"/>
              <a:gd name="connsiteX118" fmla="*/ 487090 w 9144000"/>
              <a:gd name="connsiteY118" fmla="*/ 4966231 h 5143500"/>
              <a:gd name="connsiteX119" fmla="*/ 487090 w 9144000"/>
              <a:gd name="connsiteY119" fmla="*/ 4957400 h 5143500"/>
              <a:gd name="connsiteX120" fmla="*/ 522364 w 9144000"/>
              <a:gd name="connsiteY120" fmla="*/ 4957400 h 5143500"/>
              <a:gd name="connsiteX121" fmla="*/ 522364 w 9144000"/>
              <a:gd name="connsiteY121" fmla="*/ 4952257 h 5143500"/>
              <a:gd name="connsiteX122" fmla="*/ 500054 w 9144000"/>
              <a:gd name="connsiteY122" fmla="*/ 4930221 h 5143500"/>
              <a:gd name="connsiteX123" fmla="*/ 638045 w 9144000"/>
              <a:gd name="connsiteY123" fmla="*/ 4930220 h 5143500"/>
              <a:gd name="connsiteX124" fmla="*/ 637502 w 9144000"/>
              <a:gd name="connsiteY124" fmla="*/ 4930229 h 5143500"/>
              <a:gd name="connsiteX125" fmla="*/ 614706 w 9144000"/>
              <a:gd name="connsiteY125" fmla="*/ 4951763 h 5143500"/>
              <a:gd name="connsiteX126" fmla="*/ 614698 w 9144000"/>
              <a:gd name="connsiteY126" fmla="*/ 4952257 h 5143500"/>
              <a:gd name="connsiteX127" fmla="*/ 636774 w 9144000"/>
              <a:gd name="connsiteY127" fmla="*/ 4975013 h 5143500"/>
              <a:gd name="connsiteX128" fmla="*/ 655843 w 9144000"/>
              <a:gd name="connsiteY128" fmla="*/ 4975013 h 5143500"/>
              <a:gd name="connsiteX129" fmla="*/ 655843 w 9144000"/>
              <a:gd name="connsiteY129" fmla="*/ 4966231 h 5143500"/>
              <a:gd name="connsiteX130" fmla="*/ 624984 w 9144000"/>
              <a:gd name="connsiteY130" fmla="*/ 4966231 h 5143500"/>
              <a:gd name="connsiteX131" fmla="*/ 624984 w 9144000"/>
              <a:gd name="connsiteY131" fmla="*/ 4957400 h 5143500"/>
              <a:gd name="connsiteX132" fmla="*/ 660258 w 9144000"/>
              <a:gd name="connsiteY132" fmla="*/ 4957400 h 5143500"/>
              <a:gd name="connsiteX133" fmla="*/ 660258 w 9144000"/>
              <a:gd name="connsiteY133" fmla="*/ 4952257 h 5143500"/>
              <a:gd name="connsiteX134" fmla="*/ 638045 w 9144000"/>
              <a:gd name="connsiteY134" fmla="*/ 4930220 h 5143500"/>
              <a:gd name="connsiteX135" fmla="*/ 459046 w 9144000"/>
              <a:gd name="connsiteY135" fmla="*/ 4915139 h 5143500"/>
              <a:gd name="connsiteX136" fmla="*/ 452739 w 9144000"/>
              <a:gd name="connsiteY136" fmla="*/ 4921350 h 5143500"/>
              <a:gd name="connsiteX137" fmla="*/ 452739 w 9144000"/>
              <a:gd name="connsiteY137" fmla="*/ 4921398 h 5143500"/>
              <a:gd name="connsiteX138" fmla="*/ 458949 w 9144000"/>
              <a:gd name="connsiteY138" fmla="*/ 4927657 h 5143500"/>
              <a:gd name="connsiteX139" fmla="*/ 465257 w 9144000"/>
              <a:gd name="connsiteY139" fmla="*/ 4921447 h 5143500"/>
              <a:gd name="connsiteX140" fmla="*/ 459046 w 9144000"/>
              <a:gd name="connsiteY140" fmla="*/ 4915139 h 5143500"/>
              <a:gd name="connsiteX141" fmla="*/ 318127 w 9144000"/>
              <a:gd name="connsiteY141" fmla="*/ 4913726 h 5143500"/>
              <a:gd name="connsiteX142" fmla="*/ 318127 w 9144000"/>
              <a:gd name="connsiteY142" fmla="*/ 4925468 h 5143500"/>
              <a:gd name="connsiteX143" fmla="*/ 306337 w 9144000"/>
              <a:gd name="connsiteY143" fmla="*/ 4925468 h 5143500"/>
              <a:gd name="connsiteX144" fmla="*/ 306337 w 9144000"/>
              <a:gd name="connsiteY144" fmla="*/ 4937258 h 5143500"/>
              <a:gd name="connsiteX145" fmla="*/ 294595 w 9144000"/>
              <a:gd name="connsiteY145" fmla="*/ 4937258 h 5143500"/>
              <a:gd name="connsiteX146" fmla="*/ 294595 w 9144000"/>
              <a:gd name="connsiteY146" fmla="*/ 4949000 h 5143500"/>
              <a:gd name="connsiteX147" fmla="*/ 294595 w 9144000"/>
              <a:gd name="connsiteY147" fmla="*/ 4960742 h 5143500"/>
              <a:gd name="connsiteX148" fmla="*/ 306337 w 9144000"/>
              <a:gd name="connsiteY148" fmla="*/ 4960742 h 5143500"/>
              <a:gd name="connsiteX149" fmla="*/ 318127 w 9144000"/>
              <a:gd name="connsiteY149" fmla="*/ 4960742 h 5143500"/>
              <a:gd name="connsiteX150" fmla="*/ 318127 w 9144000"/>
              <a:gd name="connsiteY150" fmla="*/ 4949000 h 5143500"/>
              <a:gd name="connsiteX151" fmla="*/ 318127 w 9144000"/>
              <a:gd name="connsiteY151" fmla="*/ 4937258 h 5143500"/>
              <a:gd name="connsiteX152" fmla="*/ 329869 w 9144000"/>
              <a:gd name="connsiteY152" fmla="*/ 4937258 h 5143500"/>
              <a:gd name="connsiteX153" fmla="*/ 341611 w 9144000"/>
              <a:gd name="connsiteY153" fmla="*/ 4937258 h 5143500"/>
              <a:gd name="connsiteX154" fmla="*/ 341611 w 9144000"/>
              <a:gd name="connsiteY154" fmla="*/ 4925468 h 5143500"/>
              <a:gd name="connsiteX155" fmla="*/ 341611 w 9144000"/>
              <a:gd name="connsiteY155" fmla="*/ 4913726 h 5143500"/>
              <a:gd name="connsiteX156" fmla="*/ 329869 w 9144000"/>
              <a:gd name="connsiteY156" fmla="*/ 4913726 h 5143500"/>
              <a:gd name="connsiteX157" fmla="*/ 533912 w 9144000"/>
              <a:gd name="connsiteY157" fmla="*/ 4913441 h 5143500"/>
              <a:gd name="connsiteX158" fmla="*/ 533912 w 9144000"/>
              <a:gd name="connsiteY158" fmla="*/ 4931102 h 5143500"/>
              <a:gd name="connsiteX159" fmla="*/ 523626 w 9144000"/>
              <a:gd name="connsiteY159" fmla="*/ 4931102 h 5143500"/>
              <a:gd name="connsiteX160" fmla="*/ 523626 w 9144000"/>
              <a:gd name="connsiteY160" fmla="*/ 4939933 h 5143500"/>
              <a:gd name="connsiteX161" fmla="*/ 533912 w 9144000"/>
              <a:gd name="connsiteY161" fmla="*/ 4939933 h 5143500"/>
              <a:gd name="connsiteX162" fmla="*/ 533912 w 9144000"/>
              <a:gd name="connsiteY162" fmla="*/ 4953858 h 5143500"/>
              <a:gd name="connsiteX163" fmla="*/ 555212 w 9144000"/>
              <a:gd name="connsiteY163" fmla="*/ 4975207 h 5143500"/>
              <a:gd name="connsiteX164" fmla="*/ 561859 w 9144000"/>
              <a:gd name="connsiteY164" fmla="*/ 4975207 h 5143500"/>
              <a:gd name="connsiteX165" fmla="*/ 561859 w 9144000"/>
              <a:gd name="connsiteY165" fmla="*/ 4966376 h 5143500"/>
              <a:gd name="connsiteX166" fmla="*/ 542743 w 9144000"/>
              <a:gd name="connsiteY166" fmla="*/ 4966376 h 5143500"/>
              <a:gd name="connsiteX167" fmla="*/ 542743 w 9144000"/>
              <a:gd name="connsiteY167" fmla="*/ 4939787 h 5143500"/>
              <a:gd name="connsiteX168" fmla="*/ 557299 w 9144000"/>
              <a:gd name="connsiteY168" fmla="*/ 4939787 h 5143500"/>
              <a:gd name="connsiteX169" fmla="*/ 557299 w 9144000"/>
              <a:gd name="connsiteY169" fmla="*/ 4930957 h 5143500"/>
              <a:gd name="connsiteX170" fmla="*/ 542743 w 9144000"/>
              <a:gd name="connsiteY170" fmla="*/ 4930957 h 5143500"/>
              <a:gd name="connsiteX171" fmla="*/ 542743 w 9144000"/>
              <a:gd name="connsiteY171" fmla="*/ 4913441 h 5143500"/>
              <a:gd name="connsiteX172" fmla="*/ 416348 w 9144000"/>
              <a:gd name="connsiteY172" fmla="*/ 4913441 h 5143500"/>
              <a:gd name="connsiteX173" fmla="*/ 416348 w 9144000"/>
              <a:gd name="connsiteY173" fmla="*/ 4931102 h 5143500"/>
              <a:gd name="connsiteX174" fmla="*/ 406062 w 9144000"/>
              <a:gd name="connsiteY174" fmla="*/ 4931102 h 5143500"/>
              <a:gd name="connsiteX175" fmla="*/ 406062 w 9144000"/>
              <a:gd name="connsiteY175" fmla="*/ 4939933 h 5143500"/>
              <a:gd name="connsiteX176" fmla="*/ 416348 w 9144000"/>
              <a:gd name="connsiteY176" fmla="*/ 4939933 h 5143500"/>
              <a:gd name="connsiteX177" fmla="*/ 416348 w 9144000"/>
              <a:gd name="connsiteY177" fmla="*/ 4953130 h 5143500"/>
              <a:gd name="connsiteX178" fmla="*/ 437648 w 9144000"/>
              <a:gd name="connsiteY178" fmla="*/ 4975207 h 5143500"/>
              <a:gd name="connsiteX179" fmla="*/ 441336 w 9144000"/>
              <a:gd name="connsiteY179" fmla="*/ 4975207 h 5143500"/>
              <a:gd name="connsiteX180" fmla="*/ 441336 w 9144000"/>
              <a:gd name="connsiteY180" fmla="*/ 4966376 h 5143500"/>
              <a:gd name="connsiteX181" fmla="*/ 425179 w 9144000"/>
              <a:gd name="connsiteY181" fmla="*/ 4966376 h 5143500"/>
              <a:gd name="connsiteX182" fmla="*/ 425179 w 9144000"/>
              <a:gd name="connsiteY182" fmla="*/ 4939787 h 5143500"/>
              <a:gd name="connsiteX183" fmla="*/ 436920 w 9144000"/>
              <a:gd name="connsiteY183" fmla="*/ 4939787 h 5143500"/>
              <a:gd name="connsiteX184" fmla="*/ 436920 w 9144000"/>
              <a:gd name="connsiteY184" fmla="*/ 4930957 h 5143500"/>
              <a:gd name="connsiteX185" fmla="*/ 425179 w 9144000"/>
              <a:gd name="connsiteY185" fmla="*/ 4930957 h 5143500"/>
              <a:gd name="connsiteX186" fmla="*/ 425179 w 9144000"/>
              <a:gd name="connsiteY186" fmla="*/ 4913441 h 5143500"/>
              <a:gd name="connsiteX187" fmla="*/ 0 w 9144000"/>
              <a:gd name="connsiteY187" fmla="*/ 0 h 5143500"/>
              <a:gd name="connsiteX188" fmla="*/ 9144000 w 9144000"/>
              <a:gd name="connsiteY188" fmla="*/ 0 h 5143500"/>
              <a:gd name="connsiteX189" fmla="*/ 9144000 w 9144000"/>
              <a:gd name="connsiteY189" fmla="*/ 5143500 h 5143500"/>
              <a:gd name="connsiteX190" fmla="*/ 0 w 9144000"/>
              <a:gd name="connsiteY190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</a:cxnLst>
            <a:rect l="l" t="t" r="r" b="b"/>
            <a:pathLst>
              <a:path w="9144000" h="5143500">
                <a:moveTo>
                  <a:pt x="347256" y="4985347"/>
                </a:moveTo>
                <a:cubicBezTo>
                  <a:pt x="344817" y="4985347"/>
                  <a:pt x="342841" y="4987324"/>
                  <a:pt x="342841" y="4989763"/>
                </a:cubicBezTo>
                <a:cubicBezTo>
                  <a:pt x="342841" y="4992202"/>
                  <a:pt x="344818" y="4994178"/>
                  <a:pt x="347256" y="4994178"/>
                </a:cubicBezTo>
                <a:cubicBezTo>
                  <a:pt x="349695" y="4994178"/>
                  <a:pt x="351671" y="4992201"/>
                  <a:pt x="351671" y="4989762"/>
                </a:cubicBezTo>
                <a:cubicBezTo>
                  <a:pt x="351671" y="4989746"/>
                  <a:pt x="351671" y="4989730"/>
                  <a:pt x="351671" y="4989714"/>
                </a:cubicBezTo>
                <a:cubicBezTo>
                  <a:pt x="351671" y="4987302"/>
                  <a:pt x="349716" y="4985347"/>
                  <a:pt x="347304" y="4985347"/>
                </a:cubicBezTo>
                <a:cubicBezTo>
                  <a:pt x="347288" y="4985347"/>
                  <a:pt x="347272" y="4985347"/>
                  <a:pt x="347256" y="4985347"/>
                </a:cubicBezTo>
                <a:close/>
                <a:moveTo>
                  <a:pt x="335514" y="4984571"/>
                </a:moveTo>
                <a:cubicBezTo>
                  <a:pt x="332673" y="4984571"/>
                  <a:pt x="330371" y="4986874"/>
                  <a:pt x="330371" y="4989714"/>
                </a:cubicBezTo>
                <a:cubicBezTo>
                  <a:pt x="330371" y="4992555"/>
                  <a:pt x="332673" y="4994857"/>
                  <a:pt x="335514" y="4994857"/>
                </a:cubicBezTo>
                <a:cubicBezTo>
                  <a:pt x="338354" y="4994857"/>
                  <a:pt x="340657" y="4992555"/>
                  <a:pt x="340657" y="4989714"/>
                </a:cubicBezTo>
                <a:cubicBezTo>
                  <a:pt x="340657" y="4986874"/>
                  <a:pt x="338354" y="4984571"/>
                  <a:pt x="335514" y="4984571"/>
                </a:cubicBezTo>
                <a:close/>
                <a:moveTo>
                  <a:pt x="358998" y="4972829"/>
                </a:moveTo>
                <a:cubicBezTo>
                  <a:pt x="356157" y="4972829"/>
                  <a:pt x="353855" y="4975132"/>
                  <a:pt x="353855" y="4977972"/>
                </a:cubicBezTo>
                <a:cubicBezTo>
                  <a:pt x="353855" y="4980813"/>
                  <a:pt x="356157" y="4983115"/>
                  <a:pt x="358998" y="4983115"/>
                </a:cubicBezTo>
                <a:cubicBezTo>
                  <a:pt x="361838" y="4983115"/>
                  <a:pt x="364141" y="4980813"/>
                  <a:pt x="364141" y="4977972"/>
                </a:cubicBezTo>
                <a:cubicBezTo>
                  <a:pt x="364141" y="4975132"/>
                  <a:pt x="361838" y="4972829"/>
                  <a:pt x="358998" y="4972829"/>
                </a:cubicBezTo>
                <a:close/>
                <a:moveTo>
                  <a:pt x="335514" y="4972102"/>
                </a:moveTo>
                <a:cubicBezTo>
                  <a:pt x="332273" y="4972182"/>
                  <a:pt x="329710" y="4974875"/>
                  <a:pt x="329791" y="4978117"/>
                </a:cubicBezTo>
                <a:cubicBezTo>
                  <a:pt x="329871" y="4981358"/>
                  <a:pt x="332564" y="4983921"/>
                  <a:pt x="335805" y="4983840"/>
                </a:cubicBezTo>
                <a:lnTo>
                  <a:pt x="341459" y="4978047"/>
                </a:lnTo>
                <a:lnTo>
                  <a:pt x="347256" y="4983844"/>
                </a:lnTo>
                <a:cubicBezTo>
                  <a:pt x="350498" y="4983844"/>
                  <a:pt x="353127" y="4981215"/>
                  <a:pt x="353127" y="4977973"/>
                </a:cubicBezTo>
                <a:cubicBezTo>
                  <a:pt x="353127" y="4974730"/>
                  <a:pt x="350498" y="4972102"/>
                  <a:pt x="347256" y="4972102"/>
                </a:cubicBezTo>
                <a:lnTo>
                  <a:pt x="341458" y="4977900"/>
                </a:lnTo>
                <a:lnTo>
                  <a:pt x="335660" y="4972102"/>
                </a:lnTo>
                <a:close/>
                <a:moveTo>
                  <a:pt x="370642" y="4961961"/>
                </a:moveTo>
                <a:cubicBezTo>
                  <a:pt x="368204" y="4961961"/>
                  <a:pt x="366227" y="4963938"/>
                  <a:pt x="366227" y="4966376"/>
                </a:cubicBezTo>
                <a:cubicBezTo>
                  <a:pt x="366227" y="4968815"/>
                  <a:pt x="368204" y="4970792"/>
                  <a:pt x="370642" y="4970792"/>
                </a:cubicBezTo>
                <a:cubicBezTo>
                  <a:pt x="373081" y="4970792"/>
                  <a:pt x="375057" y="4968815"/>
                  <a:pt x="375057" y="4966376"/>
                </a:cubicBezTo>
                <a:cubicBezTo>
                  <a:pt x="375057" y="4963938"/>
                  <a:pt x="373081" y="4961961"/>
                  <a:pt x="370642" y="4961961"/>
                </a:cubicBezTo>
                <a:close/>
                <a:moveTo>
                  <a:pt x="370643" y="4949297"/>
                </a:moveTo>
                <a:cubicBezTo>
                  <a:pt x="367802" y="4949297"/>
                  <a:pt x="365500" y="4951600"/>
                  <a:pt x="365500" y="4954440"/>
                </a:cubicBezTo>
                <a:cubicBezTo>
                  <a:pt x="365500" y="4957281"/>
                  <a:pt x="367802" y="4959583"/>
                  <a:pt x="370643" y="4959583"/>
                </a:cubicBezTo>
                <a:cubicBezTo>
                  <a:pt x="373483" y="4959583"/>
                  <a:pt x="375786" y="4957281"/>
                  <a:pt x="375786" y="4954440"/>
                </a:cubicBezTo>
                <a:cubicBezTo>
                  <a:pt x="375786" y="4951600"/>
                  <a:pt x="373483" y="4949297"/>
                  <a:pt x="370643" y="4949297"/>
                </a:cubicBezTo>
                <a:close/>
                <a:moveTo>
                  <a:pt x="358998" y="4948521"/>
                </a:moveTo>
                <a:cubicBezTo>
                  <a:pt x="355729" y="4948521"/>
                  <a:pt x="353079" y="4951171"/>
                  <a:pt x="353079" y="4954440"/>
                </a:cubicBezTo>
                <a:cubicBezTo>
                  <a:pt x="353079" y="4957710"/>
                  <a:pt x="355729" y="4960360"/>
                  <a:pt x="358998" y="4960360"/>
                </a:cubicBezTo>
                <a:cubicBezTo>
                  <a:pt x="355755" y="4960360"/>
                  <a:pt x="353127" y="4962989"/>
                  <a:pt x="353127" y="4966231"/>
                </a:cubicBezTo>
                <a:cubicBezTo>
                  <a:pt x="353100" y="4969500"/>
                  <a:pt x="355729" y="4972172"/>
                  <a:pt x="358998" y="4972199"/>
                </a:cubicBezTo>
                <a:cubicBezTo>
                  <a:pt x="362267" y="4972225"/>
                  <a:pt x="364939" y="4969597"/>
                  <a:pt x="364965" y="4966328"/>
                </a:cubicBezTo>
                <a:cubicBezTo>
                  <a:pt x="364992" y="4963059"/>
                  <a:pt x="362364" y="4960387"/>
                  <a:pt x="359094" y="4960360"/>
                </a:cubicBezTo>
                <a:cubicBezTo>
                  <a:pt x="359062" y="4960360"/>
                  <a:pt x="359030" y="4960360"/>
                  <a:pt x="358998" y="4960360"/>
                </a:cubicBezTo>
                <a:cubicBezTo>
                  <a:pt x="362267" y="4960360"/>
                  <a:pt x="364918" y="4957710"/>
                  <a:pt x="364918" y="4954440"/>
                </a:cubicBezTo>
                <a:cubicBezTo>
                  <a:pt x="364918" y="4951171"/>
                  <a:pt x="362267" y="4948521"/>
                  <a:pt x="358998" y="4948521"/>
                </a:cubicBezTo>
                <a:close/>
                <a:moveTo>
                  <a:pt x="625032" y="4939788"/>
                </a:moveTo>
                <a:lnTo>
                  <a:pt x="650020" y="4939788"/>
                </a:lnTo>
                <a:lnTo>
                  <a:pt x="650020" y="4948570"/>
                </a:lnTo>
                <a:lnTo>
                  <a:pt x="625032" y="4948570"/>
                </a:lnTo>
                <a:close/>
                <a:moveTo>
                  <a:pt x="487090" y="4939788"/>
                </a:moveTo>
                <a:lnTo>
                  <a:pt x="512078" y="4939788"/>
                </a:lnTo>
                <a:lnTo>
                  <a:pt x="511884" y="4948570"/>
                </a:lnTo>
                <a:lnTo>
                  <a:pt x="487090" y="4948570"/>
                </a:lnTo>
                <a:close/>
                <a:moveTo>
                  <a:pt x="573602" y="4939738"/>
                </a:moveTo>
                <a:lnTo>
                  <a:pt x="600045" y="4939738"/>
                </a:lnTo>
                <a:lnTo>
                  <a:pt x="600045" y="4966230"/>
                </a:lnTo>
                <a:lnTo>
                  <a:pt x="573602" y="4966230"/>
                </a:lnTo>
                <a:close/>
                <a:moveTo>
                  <a:pt x="737502" y="4930957"/>
                </a:moveTo>
                <a:cubicBezTo>
                  <a:pt x="737502" y="4930957"/>
                  <a:pt x="744197" y="4957740"/>
                  <a:pt x="745556" y="4963271"/>
                </a:cubicBezTo>
                <a:cubicBezTo>
                  <a:pt x="746915" y="4968803"/>
                  <a:pt x="750020" y="4975790"/>
                  <a:pt x="757395" y="4975790"/>
                </a:cubicBezTo>
                <a:lnTo>
                  <a:pt x="761713" y="4975790"/>
                </a:lnTo>
                <a:lnTo>
                  <a:pt x="761713" y="4985494"/>
                </a:lnTo>
                <a:lnTo>
                  <a:pt x="745556" y="4985494"/>
                </a:lnTo>
                <a:lnTo>
                  <a:pt x="745556" y="4994276"/>
                </a:lnTo>
                <a:lnTo>
                  <a:pt x="748516" y="4994276"/>
                </a:lnTo>
                <a:cubicBezTo>
                  <a:pt x="758603" y="4994291"/>
                  <a:pt x="767528" y="4987745"/>
                  <a:pt x="770544" y="4978119"/>
                </a:cubicBezTo>
                <a:cubicBezTo>
                  <a:pt x="772630" y="4969822"/>
                  <a:pt x="782286" y="4931103"/>
                  <a:pt x="782286" y="4931103"/>
                </a:cubicBezTo>
                <a:lnTo>
                  <a:pt x="771999" y="4930957"/>
                </a:lnTo>
                <a:lnTo>
                  <a:pt x="765401" y="4966231"/>
                </a:lnTo>
                <a:lnTo>
                  <a:pt x="754387" y="4966231"/>
                </a:lnTo>
                <a:lnTo>
                  <a:pt x="747788" y="4930957"/>
                </a:lnTo>
                <a:close/>
                <a:moveTo>
                  <a:pt x="730855" y="4930957"/>
                </a:moveTo>
                <a:cubicBezTo>
                  <a:pt x="719579" y="4930099"/>
                  <a:pt x="709743" y="4938544"/>
                  <a:pt x="708885" y="4949820"/>
                </a:cubicBezTo>
                <a:cubicBezTo>
                  <a:pt x="708842" y="4950389"/>
                  <a:pt x="708822" y="4950959"/>
                  <a:pt x="708827" y="4951530"/>
                </a:cubicBezTo>
                <a:lnTo>
                  <a:pt x="708827" y="4966086"/>
                </a:lnTo>
                <a:lnTo>
                  <a:pt x="702956" y="4966086"/>
                </a:lnTo>
                <a:lnTo>
                  <a:pt x="702956" y="4974916"/>
                </a:lnTo>
                <a:lnTo>
                  <a:pt x="733814" y="4974916"/>
                </a:lnTo>
                <a:lnTo>
                  <a:pt x="733814" y="4966086"/>
                </a:lnTo>
                <a:lnTo>
                  <a:pt x="717657" y="4966086"/>
                </a:lnTo>
                <a:lnTo>
                  <a:pt x="717657" y="4939788"/>
                </a:lnTo>
                <a:lnTo>
                  <a:pt x="730855" y="4939788"/>
                </a:lnTo>
                <a:close/>
                <a:moveTo>
                  <a:pt x="661180" y="4930957"/>
                </a:moveTo>
                <a:cubicBezTo>
                  <a:pt x="661180" y="4930957"/>
                  <a:pt x="667681" y="4955945"/>
                  <a:pt x="670010" y="4964921"/>
                </a:cubicBezTo>
                <a:cubicBezTo>
                  <a:pt x="670841" y="4971512"/>
                  <a:pt x="676623" y="4976341"/>
                  <a:pt x="683256" y="4975984"/>
                </a:cubicBezTo>
                <a:cubicBezTo>
                  <a:pt x="690534" y="4975984"/>
                  <a:pt x="694270" y="4973752"/>
                  <a:pt x="696454" y="4964921"/>
                </a:cubicBezTo>
                <a:cubicBezTo>
                  <a:pt x="698637" y="4956091"/>
                  <a:pt x="705284" y="4930957"/>
                  <a:pt x="705284" y="4930957"/>
                </a:cubicBezTo>
                <a:lnTo>
                  <a:pt x="694853" y="4930957"/>
                </a:lnTo>
                <a:lnTo>
                  <a:pt x="687526" y="4966231"/>
                </a:lnTo>
                <a:lnTo>
                  <a:pt x="678695" y="4966231"/>
                </a:lnTo>
                <a:lnTo>
                  <a:pt x="671466" y="4930957"/>
                </a:lnTo>
                <a:close/>
                <a:moveTo>
                  <a:pt x="445655" y="4930957"/>
                </a:moveTo>
                <a:lnTo>
                  <a:pt x="445655" y="4939739"/>
                </a:lnTo>
                <a:lnTo>
                  <a:pt x="458852" y="4939739"/>
                </a:lnTo>
                <a:lnTo>
                  <a:pt x="458852" y="4966231"/>
                </a:lnTo>
                <a:lnTo>
                  <a:pt x="450070" y="4966231"/>
                </a:lnTo>
                <a:lnTo>
                  <a:pt x="450070" y="4975013"/>
                </a:lnTo>
                <a:lnTo>
                  <a:pt x="476513" y="4975013"/>
                </a:lnTo>
                <a:lnTo>
                  <a:pt x="476513" y="4966231"/>
                </a:lnTo>
                <a:lnTo>
                  <a:pt x="467683" y="4966231"/>
                </a:lnTo>
                <a:lnTo>
                  <a:pt x="467683" y="4952257"/>
                </a:lnTo>
                <a:cubicBezTo>
                  <a:pt x="467683" y="4938672"/>
                  <a:pt x="458852" y="4930957"/>
                  <a:pt x="445655" y="4930957"/>
                </a:cubicBezTo>
                <a:close/>
                <a:moveTo>
                  <a:pt x="586848" y="4930228"/>
                </a:moveTo>
                <a:cubicBezTo>
                  <a:pt x="574253" y="4930202"/>
                  <a:pt x="564022" y="4940390"/>
                  <a:pt x="563995" y="4952984"/>
                </a:cubicBezTo>
                <a:cubicBezTo>
                  <a:pt x="563968" y="4965579"/>
                  <a:pt x="574156" y="4975810"/>
                  <a:pt x="586751" y="4975837"/>
                </a:cubicBezTo>
                <a:cubicBezTo>
                  <a:pt x="599345" y="4975864"/>
                  <a:pt x="609577" y="4965676"/>
                  <a:pt x="609603" y="4953081"/>
                </a:cubicBezTo>
                <a:cubicBezTo>
                  <a:pt x="609603" y="4953049"/>
                  <a:pt x="609603" y="4953017"/>
                  <a:pt x="609603" y="4952984"/>
                </a:cubicBezTo>
                <a:cubicBezTo>
                  <a:pt x="609874" y="4940688"/>
                  <a:pt x="600126" y="4930499"/>
                  <a:pt x="587829" y="4930228"/>
                </a:cubicBezTo>
                <a:cubicBezTo>
                  <a:pt x="587502" y="4930221"/>
                  <a:pt x="587175" y="4930221"/>
                  <a:pt x="586848" y="4930228"/>
                </a:cubicBezTo>
                <a:close/>
                <a:moveTo>
                  <a:pt x="500054" y="4930221"/>
                </a:moveTo>
                <a:cubicBezTo>
                  <a:pt x="499889" y="4930222"/>
                  <a:pt x="499724" y="4930224"/>
                  <a:pt x="499560" y="4930229"/>
                </a:cubicBezTo>
                <a:lnTo>
                  <a:pt x="499366" y="4930229"/>
                </a:lnTo>
                <a:cubicBezTo>
                  <a:pt x="487151" y="4929881"/>
                  <a:pt x="476967" y="4939500"/>
                  <a:pt x="476619" y="4951714"/>
                </a:cubicBezTo>
                <a:cubicBezTo>
                  <a:pt x="476613" y="4951895"/>
                  <a:pt x="476610" y="4952076"/>
                  <a:pt x="476610" y="4952257"/>
                </a:cubicBezTo>
                <a:cubicBezTo>
                  <a:pt x="476604" y="4964546"/>
                  <a:pt x="486355" y="4974620"/>
                  <a:pt x="498638" y="4975013"/>
                </a:cubicBezTo>
                <a:lnTo>
                  <a:pt x="517755" y="4975013"/>
                </a:lnTo>
                <a:lnTo>
                  <a:pt x="517755" y="4966231"/>
                </a:lnTo>
                <a:lnTo>
                  <a:pt x="487090" y="4966231"/>
                </a:lnTo>
                <a:lnTo>
                  <a:pt x="487090" y="4957400"/>
                </a:lnTo>
                <a:lnTo>
                  <a:pt x="522364" y="4957400"/>
                </a:lnTo>
                <a:lnTo>
                  <a:pt x="522364" y="4952257"/>
                </a:lnTo>
                <a:cubicBezTo>
                  <a:pt x="522289" y="4940011"/>
                  <a:pt x="512300" y="4930145"/>
                  <a:pt x="500054" y="4930221"/>
                </a:cubicBezTo>
                <a:close/>
                <a:moveTo>
                  <a:pt x="638045" y="4930220"/>
                </a:moveTo>
                <a:cubicBezTo>
                  <a:pt x="637864" y="4930221"/>
                  <a:pt x="637683" y="4930224"/>
                  <a:pt x="637502" y="4930229"/>
                </a:cubicBezTo>
                <a:cubicBezTo>
                  <a:pt x="625261" y="4929881"/>
                  <a:pt x="615055" y="4939521"/>
                  <a:pt x="614706" y="4951763"/>
                </a:cubicBezTo>
                <a:cubicBezTo>
                  <a:pt x="614702" y="4951927"/>
                  <a:pt x="614699" y="4952092"/>
                  <a:pt x="614698" y="4952257"/>
                </a:cubicBezTo>
                <a:cubicBezTo>
                  <a:pt x="614692" y="4964564"/>
                  <a:pt x="624473" y="4974646"/>
                  <a:pt x="636774" y="4975013"/>
                </a:cubicBezTo>
                <a:lnTo>
                  <a:pt x="655843" y="4975013"/>
                </a:lnTo>
                <a:lnTo>
                  <a:pt x="655843" y="4966231"/>
                </a:lnTo>
                <a:lnTo>
                  <a:pt x="624984" y="4966231"/>
                </a:lnTo>
                <a:lnTo>
                  <a:pt x="624984" y="4957400"/>
                </a:lnTo>
                <a:lnTo>
                  <a:pt x="660258" y="4957400"/>
                </a:lnTo>
                <a:lnTo>
                  <a:pt x="660258" y="4952257"/>
                </a:lnTo>
                <a:cubicBezTo>
                  <a:pt x="660209" y="4940038"/>
                  <a:pt x="650264" y="4930172"/>
                  <a:pt x="638045" y="4930220"/>
                </a:cubicBezTo>
                <a:close/>
                <a:moveTo>
                  <a:pt x="459046" y="4915139"/>
                </a:moveTo>
                <a:cubicBezTo>
                  <a:pt x="455590" y="4915112"/>
                  <a:pt x="452766" y="4917893"/>
                  <a:pt x="452739" y="4921350"/>
                </a:cubicBezTo>
                <a:cubicBezTo>
                  <a:pt x="452739" y="4921366"/>
                  <a:pt x="452739" y="4921382"/>
                  <a:pt x="452739" y="4921398"/>
                </a:cubicBezTo>
                <a:cubicBezTo>
                  <a:pt x="452739" y="4924836"/>
                  <a:pt x="455511" y="4927630"/>
                  <a:pt x="458949" y="4927657"/>
                </a:cubicBezTo>
                <a:cubicBezTo>
                  <a:pt x="462406" y="4927684"/>
                  <a:pt x="465230" y="4924903"/>
                  <a:pt x="465257" y="4921447"/>
                </a:cubicBezTo>
                <a:cubicBezTo>
                  <a:pt x="465283" y="4917990"/>
                  <a:pt x="462503" y="4915166"/>
                  <a:pt x="459046" y="4915139"/>
                </a:cubicBezTo>
                <a:close/>
                <a:moveTo>
                  <a:pt x="318127" y="4913726"/>
                </a:moveTo>
                <a:lnTo>
                  <a:pt x="318127" y="4925468"/>
                </a:lnTo>
                <a:lnTo>
                  <a:pt x="306337" y="4925468"/>
                </a:lnTo>
                <a:lnTo>
                  <a:pt x="306337" y="4937258"/>
                </a:lnTo>
                <a:lnTo>
                  <a:pt x="294595" y="4937258"/>
                </a:lnTo>
                <a:lnTo>
                  <a:pt x="294595" y="4949000"/>
                </a:lnTo>
                <a:lnTo>
                  <a:pt x="294595" y="4960742"/>
                </a:lnTo>
                <a:lnTo>
                  <a:pt x="306337" y="4960742"/>
                </a:lnTo>
                <a:lnTo>
                  <a:pt x="318127" y="4960742"/>
                </a:lnTo>
                <a:lnTo>
                  <a:pt x="318127" y="4949000"/>
                </a:lnTo>
                <a:lnTo>
                  <a:pt x="318127" y="4937258"/>
                </a:lnTo>
                <a:lnTo>
                  <a:pt x="329869" y="4937258"/>
                </a:lnTo>
                <a:lnTo>
                  <a:pt x="341611" y="4937258"/>
                </a:lnTo>
                <a:lnTo>
                  <a:pt x="341611" y="4925468"/>
                </a:lnTo>
                <a:lnTo>
                  <a:pt x="341611" y="4913726"/>
                </a:lnTo>
                <a:lnTo>
                  <a:pt x="329869" y="4913726"/>
                </a:lnTo>
                <a:close/>
                <a:moveTo>
                  <a:pt x="533912" y="4913441"/>
                </a:moveTo>
                <a:lnTo>
                  <a:pt x="533912" y="4931102"/>
                </a:lnTo>
                <a:lnTo>
                  <a:pt x="523626" y="4931102"/>
                </a:lnTo>
                <a:lnTo>
                  <a:pt x="523626" y="4939933"/>
                </a:lnTo>
                <a:lnTo>
                  <a:pt x="533912" y="4939933"/>
                </a:lnTo>
                <a:lnTo>
                  <a:pt x="533912" y="4953858"/>
                </a:lnTo>
                <a:cubicBezTo>
                  <a:pt x="533912" y="4967104"/>
                  <a:pt x="540511" y="4975207"/>
                  <a:pt x="555212" y="4975207"/>
                </a:cubicBezTo>
                <a:lnTo>
                  <a:pt x="561859" y="4975207"/>
                </a:lnTo>
                <a:lnTo>
                  <a:pt x="561859" y="4966376"/>
                </a:lnTo>
                <a:lnTo>
                  <a:pt x="542743" y="4966376"/>
                </a:lnTo>
                <a:lnTo>
                  <a:pt x="542743" y="4939787"/>
                </a:lnTo>
                <a:lnTo>
                  <a:pt x="557299" y="4939787"/>
                </a:lnTo>
                <a:lnTo>
                  <a:pt x="557299" y="4930957"/>
                </a:lnTo>
                <a:lnTo>
                  <a:pt x="542743" y="4930957"/>
                </a:lnTo>
                <a:lnTo>
                  <a:pt x="542743" y="4913441"/>
                </a:lnTo>
                <a:close/>
                <a:moveTo>
                  <a:pt x="416348" y="4913441"/>
                </a:moveTo>
                <a:lnTo>
                  <a:pt x="416348" y="4931102"/>
                </a:lnTo>
                <a:lnTo>
                  <a:pt x="406062" y="4931102"/>
                </a:lnTo>
                <a:lnTo>
                  <a:pt x="406062" y="4939933"/>
                </a:lnTo>
                <a:lnTo>
                  <a:pt x="416348" y="4939933"/>
                </a:lnTo>
                <a:lnTo>
                  <a:pt x="416348" y="4953130"/>
                </a:lnTo>
                <a:cubicBezTo>
                  <a:pt x="416348" y="4966376"/>
                  <a:pt x="422947" y="4975207"/>
                  <a:pt x="437648" y="4975207"/>
                </a:cubicBezTo>
                <a:lnTo>
                  <a:pt x="441336" y="4975207"/>
                </a:lnTo>
                <a:lnTo>
                  <a:pt x="441336" y="4966376"/>
                </a:lnTo>
                <a:lnTo>
                  <a:pt x="425179" y="4966376"/>
                </a:lnTo>
                <a:lnTo>
                  <a:pt x="425179" y="4939787"/>
                </a:lnTo>
                <a:lnTo>
                  <a:pt x="436920" y="4939787"/>
                </a:lnTo>
                <a:lnTo>
                  <a:pt x="436920" y="4930957"/>
                </a:lnTo>
                <a:lnTo>
                  <a:pt x="425179" y="4930957"/>
                </a:lnTo>
                <a:lnTo>
                  <a:pt x="425179" y="4913441"/>
                </a:ln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 userDrawn="1">
            <p:ph type="title" hasCustomPrompt="1"/>
          </p:nvPr>
        </p:nvSpPr>
        <p:spPr>
          <a:xfrm>
            <a:off x="287338" y="735013"/>
            <a:ext cx="3273091" cy="17931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Add your quot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283829" y="231775"/>
            <a:ext cx="3276600" cy="365208"/>
          </a:xfrm>
        </p:spPr>
        <p:txBody>
          <a:bodyPr tIns="36000">
            <a:normAutofit/>
          </a:bodyPr>
          <a:lstStyle>
            <a:lvl1pPr marL="0" indent="0">
              <a:spcBef>
                <a:spcPts val="0"/>
              </a:spcBef>
              <a:buClr>
                <a:schemeClr val="accent6"/>
              </a:buClr>
              <a:buFont typeface="+mj-lt"/>
              <a:buNone/>
              <a:defRPr sz="1200">
                <a:solidFill>
                  <a:srgbClr val="E9EC6B"/>
                </a:solidFill>
              </a:defRPr>
            </a:lvl1pPr>
            <a:lvl2pPr marL="234950" indent="0">
              <a:buClr>
                <a:schemeClr val="accent6"/>
              </a:buClr>
              <a:buFont typeface="+mj-lt"/>
              <a:buNone/>
              <a:defRPr>
                <a:solidFill>
                  <a:schemeClr val="bg1"/>
                </a:solidFill>
              </a:defRPr>
            </a:lvl2pPr>
            <a:lvl3pPr marL="587375" indent="-174625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50" indent="-188913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50" indent="-177800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Add intro text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 userDrawn="1"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72319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1">
    <p:bg>
      <p:bgPr>
        <a:solidFill>
          <a:schemeClr val="accent2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3CBC1972-8065-4A53-B307-68AB4006EBA4}"/>
              </a:ext>
            </a:extLst>
          </p:cNvPr>
          <p:cNvSpPr/>
          <p:nvPr userDrawn="1"/>
        </p:nvSpPr>
        <p:spPr>
          <a:xfrm>
            <a:off x="4604362" y="0"/>
            <a:ext cx="4539638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34" name="Picture Placeholder 33">
            <a:extLst>
              <a:ext uri="{FF2B5EF4-FFF2-40B4-BE49-F238E27FC236}">
                <a16:creationId xmlns:a16="http://schemas.microsoft.com/office/drawing/2014/main" id="{91380D2C-E53A-487E-B484-96C822075E1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137498 w 4572000"/>
              <a:gd name="connsiteY0" fmla="*/ 2070213 h 5143500"/>
              <a:gd name="connsiteX1" fmla="*/ 124631 w 4572000"/>
              <a:gd name="connsiteY1" fmla="*/ 2081770 h 5143500"/>
              <a:gd name="connsiteX2" fmla="*/ 124631 w 4572000"/>
              <a:gd name="connsiteY2" fmla="*/ 2081817 h 5143500"/>
              <a:gd name="connsiteX3" fmla="*/ 137158 w 4572000"/>
              <a:gd name="connsiteY3" fmla="*/ 2093986 h 5143500"/>
              <a:gd name="connsiteX4" fmla="*/ 149674 w 4572000"/>
              <a:gd name="connsiteY4" fmla="*/ 2082425 h 5143500"/>
              <a:gd name="connsiteX5" fmla="*/ 137498 w 4572000"/>
              <a:gd name="connsiteY5" fmla="*/ 2070213 h 5143500"/>
              <a:gd name="connsiteX6" fmla="*/ 137789 w 4572000"/>
              <a:gd name="connsiteY6" fmla="*/ 1765449 h 5143500"/>
              <a:gd name="connsiteX7" fmla="*/ 112056 w 4572000"/>
              <a:gd name="connsiteY7" fmla="*/ 1788657 h 5143500"/>
              <a:gd name="connsiteX8" fmla="*/ 112056 w 4572000"/>
              <a:gd name="connsiteY8" fmla="*/ 1788707 h 5143500"/>
              <a:gd name="connsiteX9" fmla="*/ 137157 w 4572000"/>
              <a:gd name="connsiteY9" fmla="*/ 1813090 h 5143500"/>
              <a:gd name="connsiteX10" fmla="*/ 162245 w 4572000"/>
              <a:gd name="connsiteY10" fmla="*/ 1789873 h 5143500"/>
              <a:gd name="connsiteX11" fmla="*/ 137789 w 4572000"/>
              <a:gd name="connsiteY11" fmla="*/ 1765449 h 5143500"/>
              <a:gd name="connsiteX12" fmla="*/ 137498 w 4572000"/>
              <a:gd name="connsiteY12" fmla="*/ 1484172 h 5143500"/>
              <a:gd name="connsiteX13" fmla="*/ 124631 w 4572000"/>
              <a:gd name="connsiteY13" fmla="*/ 1495729 h 5143500"/>
              <a:gd name="connsiteX14" fmla="*/ 124631 w 4572000"/>
              <a:gd name="connsiteY14" fmla="*/ 1495874 h 5143500"/>
              <a:gd name="connsiteX15" fmla="*/ 137157 w 4572000"/>
              <a:gd name="connsiteY15" fmla="*/ 1507945 h 5143500"/>
              <a:gd name="connsiteX16" fmla="*/ 149674 w 4572000"/>
              <a:gd name="connsiteY16" fmla="*/ 1496384 h 5143500"/>
              <a:gd name="connsiteX17" fmla="*/ 137498 w 4572000"/>
              <a:gd name="connsiteY17" fmla="*/ 1484172 h 5143500"/>
              <a:gd name="connsiteX18" fmla="*/ 137498 w 4572000"/>
              <a:gd name="connsiteY18" fmla="*/ 1191246 h 5143500"/>
              <a:gd name="connsiteX19" fmla="*/ 124631 w 4572000"/>
              <a:gd name="connsiteY19" fmla="*/ 1202803 h 5143500"/>
              <a:gd name="connsiteX20" fmla="*/ 124631 w 4572000"/>
              <a:gd name="connsiteY20" fmla="*/ 1202948 h 5143500"/>
              <a:gd name="connsiteX21" fmla="*/ 137157 w 4572000"/>
              <a:gd name="connsiteY21" fmla="*/ 1215019 h 5143500"/>
              <a:gd name="connsiteX22" fmla="*/ 149674 w 4572000"/>
              <a:gd name="connsiteY22" fmla="*/ 1203458 h 5143500"/>
              <a:gd name="connsiteX23" fmla="*/ 137498 w 4572000"/>
              <a:gd name="connsiteY23" fmla="*/ 1191246 h 5143500"/>
              <a:gd name="connsiteX24" fmla="*/ 137449 w 4572000"/>
              <a:gd name="connsiteY24" fmla="*/ 898320 h 5143500"/>
              <a:gd name="connsiteX25" fmla="*/ 124631 w 4572000"/>
              <a:gd name="connsiteY25" fmla="*/ 909924 h 5143500"/>
              <a:gd name="connsiteX26" fmla="*/ 137158 w 4572000"/>
              <a:gd name="connsiteY26" fmla="*/ 922093 h 5143500"/>
              <a:gd name="connsiteX27" fmla="*/ 149679 w 4572000"/>
              <a:gd name="connsiteY27" fmla="*/ 910486 h 5143500"/>
              <a:gd name="connsiteX28" fmla="*/ 137449 w 4572000"/>
              <a:gd name="connsiteY28" fmla="*/ 898320 h 5143500"/>
              <a:gd name="connsiteX29" fmla="*/ 137744 w 4572000"/>
              <a:gd name="connsiteY29" fmla="*/ 593738 h 5143500"/>
              <a:gd name="connsiteX30" fmla="*/ 112056 w 4572000"/>
              <a:gd name="connsiteY30" fmla="*/ 616998 h 5143500"/>
              <a:gd name="connsiteX31" fmla="*/ 137158 w 4572000"/>
              <a:gd name="connsiteY31" fmla="*/ 641384 h 5143500"/>
              <a:gd name="connsiteX32" fmla="*/ 162244 w 4572000"/>
              <a:gd name="connsiteY32" fmla="*/ 618121 h 5143500"/>
              <a:gd name="connsiteX33" fmla="*/ 137744 w 4572000"/>
              <a:gd name="connsiteY33" fmla="*/ 593738 h 5143500"/>
              <a:gd name="connsiteX34" fmla="*/ 137449 w 4572000"/>
              <a:gd name="connsiteY34" fmla="*/ 312467 h 5143500"/>
              <a:gd name="connsiteX35" fmla="*/ 124631 w 4572000"/>
              <a:gd name="connsiteY35" fmla="*/ 324071 h 5143500"/>
              <a:gd name="connsiteX36" fmla="*/ 137158 w 4572000"/>
              <a:gd name="connsiteY36" fmla="*/ 336240 h 5143500"/>
              <a:gd name="connsiteX37" fmla="*/ 149679 w 4572000"/>
              <a:gd name="connsiteY37" fmla="*/ 324633 h 5143500"/>
              <a:gd name="connsiteX38" fmla="*/ 137449 w 4572000"/>
              <a:gd name="connsiteY38" fmla="*/ 312467 h 5143500"/>
              <a:gd name="connsiteX39" fmla="*/ 0 w 4572000"/>
              <a:gd name="connsiteY39" fmla="*/ 0 h 5143500"/>
              <a:gd name="connsiteX40" fmla="*/ 4572000 w 4572000"/>
              <a:gd name="connsiteY40" fmla="*/ 0 h 5143500"/>
              <a:gd name="connsiteX41" fmla="*/ 4572000 w 4572000"/>
              <a:gd name="connsiteY41" fmla="*/ 5143500 h 5143500"/>
              <a:gd name="connsiteX42" fmla="*/ 0 w 4572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4572000" h="5143500">
                <a:moveTo>
                  <a:pt x="137498" y="2070213"/>
                </a:moveTo>
                <a:cubicBezTo>
                  <a:pt x="130585" y="2070030"/>
                  <a:pt x="124824" y="2075207"/>
                  <a:pt x="124631" y="2081770"/>
                </a:cubicBezTo>
                <a:cubicBezTo>
                  <a:pt x="124631" y="2081784"/>
                  <a:pt x="124631" y="2081802"/>
                  <a:pt x="124631" y="2081817"/>
                </a:cubicBezTo>
                <a:cubicBezTo>
                  <a:pt x="124547" y="2088463"/>
                  <a:pt x="130161" y="2093912"/>
                  <a:pt x="137158" y="2093986"/>
                </a:cubicBezTo>
                <a:cubicBezTo>
                  <a:pt x="143939" y="2093982"/>
                  <a:pt x="149486" y="2088862"/>
                  <a:pt x="149674" y="2082425"/>
                </a:cubicBezTo>
                <a:cubicBezTo>
                  <a:pt x="149866" y="2075863"/>
                  <a:pt x="144413" y="2070395"/>
                  <a:pt x="137498" y="2070213"/>
                </a:cubicBezTo>
                <a:close/>
                <a:moveTo>
                  <a:pt x="137789" y="1765449"/>
                </a:moveTo>
                <a:cubicBezTo>
                  <a:pt x="123931" y="1765111"/>
                  <a:pt x="112411" y="1775503"/>
                  <a:pt x="112056" y="1788657"/>
                </a:cubicBezTo>
                <a:cubicBezTo>
                  <a:pt x="112056" y="1788675"/>
                  <a:pt x="112056" y="1788689"/>
                  <a:pt x="112056" y="1788707"/>
                </a:cubicBezTo>
                <a:cubicBezTo>
                  <a:pt x="111893" y="1802020"/>
                  <a:pt x="123132" y="1812936"/>
                  <a:pt x="137157" y="1813090"/>
                </a:cubicBezTo>
                <a:cubicBezTo>
                  <a:pt x="150769" y="1813086"/>
                  <a:pt x="161893" y="1802788"/>
                  <a:pt x="162245" y="1789873"/>
                </a:cubicBezTo>
                <a:cubicBezTo>
                  <a:pt x="162595" y="1776720"/>
                  <a:pt x="151651" y="1765781"/>
                  <a:pt x="137789" y="1765449"/>
                </a:cubicBezTo>
                <a:close/>
                <a:moveTo>
                  <a:pt x="137498" y="1484172"/>
                </a:moveTo>
                <a:cubicBezTo>
                  <a:pt x="130584" y="1483989"/>
                  <a:pt x="124823" y="1489166"/>
                  <a:pt x="124631" y="1495729"/>
                </a:cubicBezTo>
                <a:cubicBezTo>
                  <a:pt x="124631" y="1495776"/>
                  <a:pt x="124631" y="1495823"/>
                  <a:pt x="124631" y="1495874"/>
                </a:cubicBezTo>
                <a:cubicBezTo>
                  <a:pt x="124577" y="1502488"/>
                  <a:pt x="130184" y="1507895"/>
                  <a:pt x="137157" y="1507945"/>
                </a:cubicBezTo>
                <a:cubicBezTo>
                  <a:pt x="143938" y="1507941"/>
                  <a:pt x="149486" y="1502821"/>
                  <a:pt x="149674" y="1496384"/>
                </a:cubicBezTo>
                <a:cubicBezTo>
                  <a:pt x="149866" y="1489822"/>
                  <a:pt x="144412" y="1484354"/>
                  <a:pt x="137498" y="1484172"/>
                </a:cubicBezTo>
                <a:close/>
                <a:moveTo>
                  <a:pt x="137498" y="1191246"/>
                </a:moveTo>
                <a:cubicBezTo>
                  <a:pt x="130584" y="1191064"/>
                  <a:pt x="124823" y="1196240"/>
                  <a:pt x="124631" y="1202803"/>
                </a:cubicBezTo>
                <a:cubicBezTo>
                  <a:pt x="124631" y="1202850"/>
                  <a:pt x="124631" y="1202897"/>
                  <a:pt x="124631" y="1202948"/>
                </a:cubicBezTo>
                <a:cubicBezTo>
                  <a:pt x="124577" y="1209562"/>
                  <a:pt x="130184" y="1214969"/>
                  <a:pt x="137157" y="1215019"/>
                </a:cubicBezTo>
                <a:cubicBezTo>
                  <a:pt x="143938" y="1215015"/>
                  <a:pt x="149486" y="1209895"/>
                  <a:pt x="149674" y="1203458"/>
                </a:cubicBezTo>
                <a:cubicBezTo>
                  <a:pt x="149866" y="1196896"/>
                  <a:pt x="144412" y="1191428"/>
                  <a:pt x="137498" y="1191246"/>
                </a:cubicBezTo>
                <a:close/>
                <a:moveTo>
                  <a:pt x="137449" y="898320"/>
                </a:moveTo>
                <a:cubicBezTo>
                  <a:pt x="130535" y="898165"/>
                  <a:pt x="124795" y="903361"/>
                  <a:pt x="124631" y="909924"/>
                </a:cubicBezTo>
                <a:cubicBezTo>
                  <a:pt x="124552" y="916570"/>
                  <a:pt x="130161" y="922019"/>
                  <a:pt x="137158" y="922093"/>
                </a:cubicBezTo>
                <a:cubicBezTo>
                  <a:pt x="143959" y="922093"/>
                  <a:pt x="149516" y="916941"/>
                  <a:pt x="149679" y="910486"/>
                </a:cubicBezTo>
                <a:cubicBezTo>
                  <a:pt x="149841" y="903923"/>
                  <a:pt x="144367" y="898474"/>
                  <a:pt x="137449" y="898320"/>
                </a:cubicBezTo>
                <a:close/>
                <a:moveTo>
                  <a:pt x="137744" y="593738"/>
                </a:moveTo>
                <a:cubicBezTo>
                  <a:pt x="123881" y="593429"/>
                  <a:pt x="112381" y="603844"/>
                  <a:pt x="112056" y="616998"/>
                </a:cubicBezTo>
                <a:cubicBezTo>
                  <a:pt x="111918" y="630301"/>
                  <a:pt x="123142" y="641207"/>
                  <a:pt x="137158" y="641384"/>
                </a:cubicBezTo>
                <a:cubicBezTo>
                  <a:pt x="150789" y="641381"/>
                  <a:pt x="161924" y="631054"/>
                  <a:pt x="162244" y="618121"/>
                </a:cubicBezTo>
                <a:cubicBezTo>
                  <a:pt x="162570" y="604968"/>
                  <a:pt x="151602" y="594052"/>
                  <a:pt x="137744" y="593738"/>
                </a:cubicBezTo>
                <a:close/>
                <a:moveTo>
                  <a:pt x="137449" y="312467"/>
                </a:moveTo>
                <a:cubicBezTo>
                  <a:pt x="130535" y="312312"/>
                  <a:pt x="124795" y="317508"/>
                  <a:pt x="124631" y="324071"/>
                </a:cubicBezTo>
                <a:cubicBezTo>
                  <a:pt x="124552" y="330717"/>
                  <a:pt x="130161" y="336166"/>
                  <a:pt x="137158" y="336240"/>
                </a:cubicBezTo>
                <a:cubicBezTo>
                  <a:pt x="143959" y="336240"/>
                  <a:pt x="149516" y="331088"/>
                  <a:pt x="149679" y="324633"/>
                </a:cubicBezTo>
                <a:cubicBezTo>
                  <a:pt x="149841" y="318071"/>
                  <a:pt x="144367" y="312621"/>
                  <a:pt x="137449" y="312467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7" name="Dots">
            <a:extLst>
              <a:ext uri="{FF2B5EF4-FFF2-40B4-BE49-F238E27FC236}">
                <a16:creationId xmlns:a16="http://schemas.microsoft.com/office/drawing/2014/main" id="{EE9EFEE1-081D-43C2-B79D-9A03DAD0196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2916303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808080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03604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1629A0C0-C4FA-4BD5-B2B6-6748A116A518}"/>
              </a:ext>
            </a:extLst>
          </p:cNvPr>
          <p:cNvSpPr/>
          <p:nvPr userDrawn="1"/>
        </p:nvSpPr>
        <p:spPr>
          <a:xfrm>
            <a:off x="4604362" y="0"/>
            <a:ext cx="4539638" cy="5143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34" name="Picture Placeholder 33">
            <a:extLst>
              <a:ext uri="{FF2B5EF4-FFF2-40B4-BE49-F238E27FC236}">
                <a16:creationId xmlns:a16="http://schemas.microsoft.com/office/drawing/2014/main" id="{91380D2C-E53A-487E-B484-96C822075E1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137498 w 4572000"/>
              <a:gd name="connsiteY0" fmla="*/ 2070213 h 5143500"/>
              <a:gd name="connsiteX1" fmla="*/ 124631 w 4572000"/>
              <a:gd name="connsiteY1" fmla="*/ 2081770 h 5143500"/>
              <a:gd name="connsiteX2" fmla="*/ 124631 w 4572000"/>
              <a:gd name="connsiteY2" fmla="*/ 2081817 h 5143500"/>
              <a:gd name="connsiteX3" fmla="*/ 137158 w 4572000"/>
              <a:gd name="connsiteY3" fmla="*/ 2093986 h 5143500"/>
              <a:gd name="connsiteX4" fmla="*/ 149674 w 4572000"/>
              <a:gd name="connsiteY4" fmla="*/ 2082425 h 5143500"/>
              <a:gd name="connsiteX5" fmla="*/ 137498 w 4572000"/>
              <a:gd name="connsiteY5" fmla="*/ 2070213 h 5143500"/>
              <a:gd name="connsiteX6" fmla="*/ 137789 w 4572000"/>
              <a:gd name="connsiteY6" fmla="*/ 1765449 h 5143500"/>
              <a:gd name="connsiteX7" fmla="*/ 112056 w 4572000"/>
              <a:gd name="connsiteY7" fmla="*/ 1788657 h 5143500"/>
              <a:gd name="connsiteX8" fmla="*/ 112056 w 4572000"/>
              <a:gd name="connsiteY8" fmla="*/ 1788707 h 5143500"/>
              <a:gd name="connsiteX9" fmla="*/ 137157 w 4572000"/>
              <a:gd name="connsiteY9" fmla="*/ 1813090 h 5143500"/>
              <a:gd name="connsiteX10" fmla="*/ 162245 w 4572000"/>
              <a:gd name="connsiteY10" fmla="*/ 1789873 h 5143500"/>
              <a:gd name="connsiteX11" fmla="*/ 137789 w 4572000"/>
              <a:gd name="connsiteY11" fmla="*/ 1765449 h 5143500"/>
              <a:gd name="connsiteX12" fmla="*/ 137498 w 4572000"/>
              <a:gd name="connsiteY12" fmla="*/ 1484172 h 5143500"/>
              <a:gd name="connsiteX13" fmla="*/ 124631 w 4572000"/>
              <a:gd name="connsiteY13" fmla="*/ 1495729 h 5143500"/>
              <a:gd name="connsiteX14" fmla="*/ 124631 w 4572000"/>
              <a:gd name="connsiteY14" fmla="*/ 1495874 h 5143500"/>
              <a:gd name="connsiteX15" fmla="*/ 137157 w 4572000"/>
              <a:gd name="connsiteY15" fmla="*/ 1507945 h 5143500"/>
              <a:gd name="connsiteX16" fmla="*/ 149674 w 4572000"/>
              <a:gd name="connsiteY16" fmla="*/ 1496384 h 5143500"/>
              <a:gd name="connsiteX17" fmla="*/ 137498 w 4572000"/>
              <a:gd name="connsiteY17" fmla="*/ 1484172 h 5143500"/>
              <a:gd name="connsiteX18" fmla="*/ 137498 w 4572000"/>
              <a:gd name="connsiteY18" fmla="*/ 1191246 h 5143500"/>
              <a:gd name="connsiteX19" fmla="*/ 124631 w 4572000"/>
              <a:gd name="connsiteY19" fmla="*/ 1202803 h 5143500"/>
              <a:gd name="connsiteX20" fmla="*/ 124631 w 4572000"/>
              <a:gd name="connsiteY20" fmla="*/ 1202948 h 5143500"/>
              <a:gd name="connsiteX21" fmla="*/ 137157 w 4572000"/>
              <a:gd name="connsiteY21" fmla="*/ 1215019 h 5143500"/>
              <a:gd name="connsiteX22" fmla="*/ 149674 w 4572000"/>
              <a:gd name="connsiteY22" fmla="*/ 1203458 h 5143500"/>
              <a:gd name="connsiteX23" fmla="*/ 137498 w 4572000"/>
              <a:gd name="connsiteY23" fmla="*/ 1191246 h 5143500"/>
              <a:gd name="connsiteX24" fmla="*/ 137449 w 4572000"/>
              <a:gd name="connsiteY24" fmla="*/ 898320 h 5143500"/>
              <a:gd name="connsiteX25" fmla="*/ 124631 w 4572000"/>
              <a:gd name="connsiteY25" fmla="*/ 909924 h 5143500"/>
              <a:gd name="connsiteX26" fmla="*/ 137158 w 4572000"/>
              <a:gd name="connsiteY26" fmla="*/ 922093 h 5143500"/>
              <a:gd name="connsiteX27" fmla="*/ 149679 w 4572000"/>
              <a:gd name="connsiteY27" fmla="*/ 910486 h 5143500"/>
              <a:gd name="connsiteX28" fmla="*/ 137449 w 4572000"/>
              <a:gd name="connsiteY28" fmla="*/ 898320 h 5143500"/>
              <a:gd name="connsiteX29" fmla="*/ 137744 w 4572000"/>
              <a:gd name="connsiteY29" fmla="*/ 593738 h 5143500"/>
              <a:gd name="connsiteX30" fmla="*/ 112056 w 4572000"/>
              <a:gd name="connsiteY30" fmla="*/ 616998 h 5143500"/>
              <a:gd name="connsiteX31" fmla="*/ 137158 w 4572000"/>
              <a:gd name="connsiteY31" fmla="*/ 641384 h 5143500"/>
              <a:gd name="connsiteX32" fmla="*/ 162244 w 4572000"/>
              <a:gd name="connsiteY32" fmla="*/ 618121 h 5143500"/>
              <a:gd name="connsiteX33" fmla="*/ 137744 w 4572000"/>
              <a:gd name="connsiteY33" fmla="*/ 593738 h 5143500"/>
              <a:gd name="connsiteX34" fmla="*/ 137449 w 4572000"/>
              <a:gd name="connsiteY34" fmla="*/ 312467 h 5143500"/>
              <a:gd name="connsiteX35" fmla="*/ 124631 w 4572000"/>
              <a:gd name="connsiteY35" fmla="*/ 324071 h 5143500"/>
              <a:gd name="connsiteX36" fmla="*/ 137158 w 4572000"/>
              <a:gd name="connsiteY36" fmla="*/ 336240 h 5143500"/>
              <a:gd name="connsiteX37" fmla="*/ 149679 w 4572000"/>
              <a:gd name="connsiteY37" fmla="*/ 324633 h 5143500"/>
              <a:gd name="connsiteX38" fmla="*/ 137449 w 4572000"/>
              <a:gd name="connsiteY38" fmla="*/ 312467 h 5143500"/>
              <a:gd name="connsiteX39" fmla="*/ 0 w 4572000"/>
              <a:gd name="connsiteY39" fmla="*/ 0 h 5143500"/>
              <a:gd name="connsiteX40" fmla="*/ 4572000 w 4572000"/>
              <a:gd name="connsiteY40" fmla="*/ 0 h 5143500"/>
              <a:gd name="connsiteX41" fmla="*/ 4572000 w 4572000"/>
              <a:gd name="connsiteY41" fmla="*/ 5143500 h 5143500"/>
              <a:gd name="connsiteX42" fmla="*/ 0 w 4572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4572000" h="5143500">
                <a:moveTo>
                  <a:pt x="137498" y="2070213"/>
                </a:moveTo>
                <a:cubicBezTo>
                  <a:pt x="130585" y="2070030"/>
                  <a:pt x="124824" y="2075207"/>
                  <a:pt x="124631" y="2081770"/>
                </a:cubicBezTo>
                <a:cubicBezTo>
                  <a:pt x="124631" y="2081784"/>
                  <a:pt x="124631" y="2081802"/>
                  <a:pt x="124631" y="2081817"/>
                </a:cubicBezTo>
                <a:cubicBezTo>
                  <a:pt x="124547" y="2088463"/>
                  <a:pt x="130161" y="2093912"/>
                  <a:pt x="137158" y="2093986"/>
                </a:cubicBezTo>
                <a:cubicBezTo>
                  <a:pt x="143939" y="2093982"/>
                  <a:pt x="149486" y="2088862"/>
                  <a:pt x="149674" y="2082425"/>
                </a:cubicBezTo>
                <a:cubicBezTo>
                  <a:pt x="149866" y="2075863"/>
                  <a:pt x="144413" y="2070395"/>
                  <a:pt x="137498" y="2070213"/>
                </a:cubicBezTo>
                <a:close/>
                <a:moveTo>
                  <a:pt x="137789" y="1765449"/>
                </a:moveTo>
                <a:cubicBezTo>
                  <a:pt x="123931" y="1765111"/>
                  <a:pt x="112411" y="1775503"/>
                  <a:pt x="112056" y="1788657"/>
                </a:cubicBezTo>
                <a:cubicBezTo>
                  <a:pt x="112056" y="1788675"/>
                  <a:pt x="112056" y="1788689"/>
                  <a:pt x="112056" y="1788707"/>
                </a:cubicBezTo>
                <a:cubicBezTo>
                  <a:pt x="111893" y="1802020"/>
                  <a:pt x="123132" y="1812936"/>
                  <a:pt x="137157" y="1813090"/>
                </a:cubicBezTo>
                <a:cubicBezTo>
                  <a:pt x="150769" y="1813086"/>
                  <a:pt x="161893" y="1802788"/>
                  <a:pt x="162245" y="1789873"/>
                </a:cubicBezTo>
                <a:cubicBezTo>
                  <a:pt x="162595" y="1776720"/>
                  <a:pt x="151651" y="1765781"/>
                  <a:pt x="137789" y="1765449"/>
                </a:cubicBezTo>
                <a:close/>
                <a:moveTo>
                  <a:pt x="137498" y="1484172"/>
                </a:moveTo>
                <a:cubicBezTo>
                  <a:pt x="130584" y="1483989"/>
                  <a:pt x="124823" y="1489166"/>
                  <a:pt x="124631" y="1495729"/>
                </a:cubicBezTo>
                <a:cubicBezTo>
                  <a:pt x="124631" y="1495776"/>
                  <a:pt x="124631" y="1495823"/>
                  <a:pt x="124631" y="1495874"/>
                </a:cubicBezTo>
                <a:cubicBezTo>
                  <a:pt x="124577" y="1502488"/>
                  <a:pt x="130184" y="1507895"/>
                  <a:pt x="137157" y="1507945"/>
                </a:cubicBezTo>
                <a:cubicBezTo>
                  <a:pt x="143938" y="1507941"/>
                  <a:pt x="149486" y="1502821"/>
                  <a:pt x="149674" y="1496384"/>
                </a:cubicBezTo>
                <a:cubicBezTo>
                  <a:pt x="149866" y="1489822"/>
                  <a:pt x="144412" y="1484354"/>
                  <a:pt x="137498" y="1484172"/>
                </a:cubicBezTo>
                <a:close/>
                <a:moveTo>
                  <a:pt x="137498" y="1191246"/>
                </a:moveTo>
                <a:cubicBezTo>
                  <a:pt x="130584" y="1191064"/>
                  <a:pt x="124823" y="1196240"/>
                  <a:pt x="124631" y="1202803"/>
                </a:cubicBezTo>
                <a:cubicBezTo>
                  <a:pt x="124631" y="1202850"/>
                  <a:pt x="124631" y="1202897"/>
                  <a:pt x="124631" y="1202948"/>
                </a:cubicBezTo>
                <a:cubicBezTo>
                  <a:pt x="124577" y="1209562"/>
                  <a:pt x="130184" y="1214969"/>
                  <a:pt x="137157" y="1215019"/>
                </a:cubicBezTo>
                <a:cubicBezTo>
                  <a:pt x="143938" y="1215015"/>
                  <a:pt x="149486" y="1209895"/>
                  <a:pt x="149674" y="1203458"/>
                </a:cubicBezTo>
                <a:cubicBezTo>
                  <a:pt x="149866" y="1196896"/>
                  <a:pt x="144412" y="1191428"/>
                  <a:pt x="137498" y="1191246"/>
                </a:cubicBezTo>
                <a:close/>
                <a:moveTo>
                  <a:pt x="137449" y="898320"/>
                </a:moveTo>
                <a:cubicBezTo>
                  <a:pt x="130535" y="898165"/>
                  <a:pt x="124795" y="903361"/>
                  <a:pt x="124631" y="909924"/>
                </a:cubicBezTo>
                <a:cubicBezTo>
                  <a:pt x="124552" y="916570"/>
                  <a:pt x="130161" y="922019"/>
                  <a:pt x="137158" y="922093"/>
                </a:cubicBezTo>
                <a:cubicBezTo>
                  <a:pt x="143959" y="922093"/>
                  <a:pt x="149516" y="916941"/>
                  <a:pt x="149679" y="910486"/>
                </a:cubicBezTo>
                <a:cubicBezTo>
                  <a:pt x="149841" y="903923"/>
                  <a:pt x="144367" y="898474"/>
                  <a:pt x="137449" y="898320"/>
                </a:cubicBezTo>
                <a:close/>
                <a:moveTo>
                  <a:pt x="137744" y="593738"/>
                </a:moveTo>
                <a:cubicBezTo>
                  <a:pt x="123881" y="593429"/>
                  <a:pt x="112381" y="603844"/>
                  <a:pt x="112056" y="616998"/>
                </a:cubicBezTo>
                <a:cubicBezTo>
                  <a:pt x="111918" y="630301"/>
                  <a:pt x="123142" y="641207"/>
                  <a:pt x="137158" y="641384"/>
                </a:cubicBezTo>
                <a:cubicBezTo>
                  <a:pt x="150789" y="641381"/>
                  <a:pt x="161924" y="631054"/>
                  <a:pt x="162244" y="618121"/>
                </a:cubicBezTo>
                <a:cubicBezTo>
                  <a:pt x="162570" y="604968"/>
                  <a:pt x="151602" y="594052"/>
                  <a:pt x="137744" y="593738"/>
                </a:cubicBezTo>
                <a:close/>
                <a:moveTo>
                  <a:pt x="137449" y="312467"/>
                </a:moveTo>
                <a:cubicBezTo>
                  <a:pt x="130535" y="312312"/>
                  <a:pt x="124795" y="317508"/>
                  <a:pt x="124631" y="324071"/>
                </a:cubicBezTo>
                <a:cubicBezTo>
                  <a:pt x="124552" y="330717"/>
                  <a:pt x="130161" y="336166"/>
                  <a:pt x="137158" y="336240"/>
                </a:cubicBezTo>
                <a:cubicBezTo>
                  <a:pt x="143959" y="336240"/>
                  <a:pt x="149516" y="331088"/>
                  <a:pt x="149679" y="324633"/>
                </a:cubicBezTo>
                <a:cubicBezTo>
                  <a:pt x="149841" y="318071"/>
                  <a:pt x="144367" y="312621"/>
                  <a:pt x="137449" y="312467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7" name="Dots">
            <a:extLst>
              <a:ext uri="{FF2B5EF4-FFF2-40B4-BE49-F238E27FC236}">
                <a16:creationId xmlns:a16="http://schemas.microsoft.com/office/drawing/2014/main" id="{EE9EFEE1-081D-43C2-B79D-9A03DAD0196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2916303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Add text for example Thank you</a:t>
            </a:r>
            <a:endParaRPr lang="en-GB" dirty="0"/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DEB59F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73155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3">
    <p:bg>
      <p:bgPr>
        <a:solidFill>
          <a:schemeClr val="accent2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808080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 dirty="0"/>
              <a:t>Click to add date and/or presenters name</a:t>
            </a:r>
          </a:p>
        </p:txBody>
      </p:sp>
      <p:sp>
        <p:nvSpPr>
          <p:cNvPr id="35" name="Dots">
            <a:extLst>
              <a:ext uri="{FF2B5EF4-FFF2-40B4-BE49-F238E27FC236}">
                <a16:creationId xmlns:a16="http://schemas.microsoft.com/office/drawing/2014/main" id="{4C816F69-5068-4908-9804-E11DD367E85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19455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4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Add text for example Thank you</a:t>
            </a:r>
            <a:endParaRPr lang="en-GB" dirty="0"/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DEB59F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  <p:sp>
        <p:nvSpPr>
          <p:cNvPr id="35" name="Dots">
            <a:extLst>
              <a:ext uri="{FF2B5EF4-FFF2-40B4-BE49-F238E27FC236}">
                <a16:creationId xmlns:a16="http://schemas.microsoft.com/office/drawing/2014/main" id="{D001CC6F-BFCA-4280-BE24-68BE1C518787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514763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461063" y="1120388"/>
            <a:ext cx="2079000" cy="368177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90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675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GB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button to view Templafy pane on right side of the screen, if it is not already there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GB" altLang="da-DK" sz="675" b="0" i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675" b="0" baseline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icture from other location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o browse for picture</a:t>
            </a:r>
          </a:p>
          <a:p>
            <a:pPr eaLnBrk="1" hangingPunct="1">
              <a:spcBef>
                <a:spcPts val="900"/>
              </a:spcBef>
              <a:spcAft>
                <a:spcPts val="450"/>
              </a:spcAft>
              <a:defRPr/>
            </a:pPr>
            <a:r>
              <a:rPr lang="en-GB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90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sz="1200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675" b="0" i="0" dirty="0">
                <a:solidFill>
                  <a:srgbClr val="000000"/>
                </a:solidFill>
                <a:effectLst/>
                <a:latin typeface="+mn-lt"/>
              </a:rPr>
              <a:t>⌘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550863" y="1456513"/>
            <a:ext cx="229340" cy="274388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5582185" y="3020215"/>
            <a:ext cx="235341" cy="407925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493942" y="1120388"/>
            <a:ext cx="2079000" cy="389406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umber from or to)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selected slide</a:t>
            </a:r>
          </a:p>
          <a:p>
            <a:pPr eaLnBrk="1" hangingPunct="1">
              <a:spcAft>
                <a:spcPts val="450"/>
              </a:spcAft>
              <a:defRPr/>
            </a:pPr>
            <a:endParaRPr lang="en-GB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12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675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675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675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675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675" b="1" i="0" u="sng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When presentation is done, open an empty presentation (press Ctrl+N). Copy all slides from presentation, paste them into empty one. This will ensure that there are no extra layouts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GB" altLang="da-DK" sz="675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287338" y="240670"/>
            <a:ext cx="8569325" cy="48762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24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72942" y="1587362"/>
            <a:ext cx="283720" cy="407525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51435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D27C8A6-3124-4A11-900D-2C649BB3C7C9}" type="datetime4">
              <a:rPr lang="en-GB" smtClean="0"/>
              <a:t>27 September 2024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51435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51435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5537581" y="2482382"/>
            <a:ext cx="255903" cy="241280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87338" y="1120388"/>
            <a:ext cx="2079000" cy="34873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2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-key to jump though bullet-point levels. 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en-GB" sz="675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sz="675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675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675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675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sz="675" baseline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eaLnBrk="1" hangingPunct="1">
              <a:spcAft>
                <a:spcPts val="450"/>
              </a:spcAft>
              <a:defRPr/>
            </a:pP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450"/>
              </a:spcAft>
              <a:buFont typeface="+mj-lt"/>
              <a:buNone/>
            </a:pPr>
            <a:r>
              <a:rPr lang="en-GB" sz="675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675" b="1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675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675" noProof="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GB" sz="675" noProof="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675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675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</a:t>
            </a:r>
          </a:p>
          <a:p>
            <a: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675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GB" altLang="da-DK" sz="675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their default settings</a:t>
            </a:r>
            <a:endParaRPr lang="en-GB" sz="675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330238" y="3644419"/>
            <a:ext cx="356571" cy="13257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330238" y="3003681"/>
            <a:ext cx="246661" cy="379126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332261" y="4318893"/>
            <a:ext cx="403849" cy="12963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2330238" y="1874737"/>
            <a:ext cx="342857" cy="192857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5501467" y="2020948"/>
            <a:ext cx="328131" cy="274388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8078513" y="4518475"/>
            <a:ext cx="743810" cy="288491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2330238" y="2407138"/>
            <a:ext cx="192857" cy="2142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628401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851819"/>
            <a:ext cx="3273091" cy="1439863"/>
          </a:xfrm>
        </p:spPr>
        <p:txBody>
          <a:bodyPr anchor="ctr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13" indent="-239713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1pPr>
            <a:lvl2pPr marL="407988" indent="-173038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2pPr>
            <a:lvl3pPr marL="587375" indent="-174625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50" indent="-188913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50" indent="-177800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272891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3">
    <p:bg>
      <p:bgPr>
        <a:solidFill>
          <a:schemeClr val="accent6">
            <a:alpha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851819"/>
            <a:ext cx="3273091" cy="1439863"/>
          </a:xfrm>
        </p:spPr>
        <p:txBody>
          <a:bodyPr anchor="ctr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C4C1BE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rgbClr val="E9EC6B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13" indent="-239713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1pPr>
            <a:lvl2pPr marL="407988" indent="-173038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2pPr>
            <a:lvl3pPr marL="587375" indent="-174625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50" indent="-188913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50" indent="-177800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44984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 1 and pattern">
    <p:bg>
      <p:bgPr>
        <a:solidFill>
          <a:schemeClr val="accent5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6A2EB4F0-1242-4B37-82D8-85D39CC7DC7D}"/>
              </a:ext>
            </a:extLst>
          </p:cNvPr>
          <p:cNvSpPr/>
          <p:nvPr userDrawn="1"/>
        </p:nvSpPr>
        <p:spPr>
          <a:xfrm>
            <a:off x="5943600" y="1078086"/>
            <a:ext cx="2462674" cy="3267577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31" name="Picture Placeholder 58">
            <a:extLst>
              <a:ext uri="{FF2B5EF4-FFF2-40B4-BE49-F238E27FC236}">
                <a16:creationId xmlns:a16="http://schemas.microsoft.com/office/drawing/2014/main" id="{1CA0517D-045A-4564-9B4D-F22051D2544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custGeom>
            <a:avLst/>
            <a:gdLst>
              <a:gd name="connsiteX0" fmla="*/ 2313456 w 2524125"/>
              <a:gd name="connsiteY0" fmla="*/ 433154 h 3338513"/>
              <a:gd name="connsiteX1" fmla="*/ 2300590 w 2524125"/>
              <a:gd name="connsiteY1" fmla="*/ 444804 h 3338513"/>
              <a:gd name="connsiteX2" fmla="*/ 2300590 w 2524125"/>
              <a:gd name="connsiteY2" fmla="*/ 444851 h 3338513"/>
              <a:gd name="connsiteX3" fmla="*/ 2313116 w 2524125"/>
              <a:gd name="connsiteY3" fmla="*/ 457021 h 3338513"/>
              <a:gd name="connsiteX4" fmla="*/ 2325735 w 2524125"/>
              <a:gd name="connsiteY4" fmla="*/ 445366 h 3338513"/>
              <a:gd name="connsiteX5" fmla="*/ 2313456 w 2524125"/>
              <a:gd name="connsiteY5" fmla="*/ 433154 h 3338513"/>
              <a:gd name="connsiteX6" fmla="*/ 2012929 w 2524125"/>
              <a:gd name="connsiteY6" fmla="*/ 421597 h 3338513"/>
              <a:gd name="connsiteX7" fmla="*/ 1987197 w 2524125"/>
              <a:gd name="connsiteY7" fmla="*/ 444805 h 3338513"/>
              <a:gd name="connsiteX8" fmla="*/ 1987197 w 2524125"/>
              <a:gd name="connsiteY8" fmla="*/ 444855 h 3338513"/>
              <a:gd name="connsiteX9" fmla="*/ 2012299 w 2524125"/>
              <a:gd name="connsiteY9" fmla="*/ 469238 h 3338513"/>
              <a:gd name="connsiteX10" fmla="*/ 2037385 w 2524125"/>
              <a:gd name="connsiteY10" fmla="*/ 446021 h 3338513"/>
              <a:gd name="connsiteX11" fmla="*/ 2012929 w 2524125"/>
              <a:gd name="connsiteY11" fmla="*/ 421597 h 3338513"/>
              <a:gd name="connsiteX12" fmla="*/ 2313795 w 2524125"/>
              <a:gd name="connsiteY12" fmla="*/ 128671 h 3338513"/>
              <a:gd name="connsiteX13" fmla="*/ 2288063 w 2524125"/>
              <a:gd name="connsiteY13" fmla="*/ 151879 h 3338513"/>
              <a:gd name="connsiteX14" fmla="*/ 2288063 w 2524125"/>
              <a:gd name="connsiteY14" fmla="*/ 151882 h 3338513"/>
              <a:gd name="connsiteX15" fmla="*/ 2313114 w 2524125"/>
              <a:gd name="connsiteY15" fmla="*/ 176312 h 3338513"/>
              <a:gd name="connsiteX16" fmla="*/ 2338250 w 2524125"/>
              <a:gd name="connsiteY16" fmla="*/ 153095 h 3338513"/>
              <a:gd name="connsiteX17" fmla="*/ 2313795 w 2524125"/>
              <a:gd name="connsiteY17" fmla="*/ 128671 h 3338513"/>
              <a:gd name="connsiteX18" fmla="*/ 1712068 w 2524125"/>
              <a:gd name="connsiteY18" fmla="*/ 128107 h 3338513"/>
              <a:gd name="connsiteX19" fmla="*/ 1686381 w 2524125"/>
              <a:gd name="connsiteY19" fmla="*/ 151367 h 3338513"/>
              <a:gd name="connsiteX20" fmla="*/ 1711481 w 2524125"/>
              <a:gd name="connsiteY20" fmla="*/ 175753 h 3338513"/>
              <a:gd name="connsiteX21" fmla="*/ 1736567 w 2524125"/>
              <a:gd name="connsiteY21" fmla="*/ 152490 h 3338513"/>
              <a:gd name="connsiteX22" fmla="*/ 1712068 w 2524125"/>
              <a:gd name="connsiteY22" fmla="*/ 128107 h 3338513"/>
              <a:gd name="connsiteX23" fmla="*/ 2013270 w 2524125"/>
              <a:gd name="connsiteY23" fmla="*/ 117112 h 3338513"/>
              <a:gd name="connsiteX24" fmla="*/ 1974671 w 2524125"/>
              <a:gd name="connsiteY24" fmla="*/ 151878 h 3338513"/>
              <a:gd name="connsiteX25" fmla="*/ 1974671 w 2524125"/>
              <a:gd name="connsiteY25" fmla="*/ 151882 h 3338513"/>
              <a:gd name="connsiteX26" fmla="*/ 2012299 w 2524125"/>
              <a:gd name="connsiteY26" fmla="*/ 188528 h 3338513"/>
              <a:gd name="connsiteX27" fmla="*/ 2049901 w 2524125"/>
              <a:gd name="connsiteY27" fmla="*/ 153750 h 3338513"/>
              <a:gd name="connsiteX28" fmla="*/ 2013270 w 2524125"/>
              <a:gd name="connsiteY28" fmla="*/ 117112 h 3338513"/>
              <a:gd name="connsiteX29" fmla="*/ 0 w 2524125"/>
              <a:gd name="connsiteY29" fmla="*/ 0 h 3338513"/>
              <a:gd name="connsiteX30" fmla="*/ 2524125 w 2524125"/>
              <a:gd name="connsiteY30" fmla="*/ 0 h 3338513"/>
              <a:gd name="connsiteX31" fmla="*/ 2524125 w 2524125"/>
              <a:gd name="connsiteY31" fmla="*/ 3338513 h 3338513"/>
              <a:gd name="connsiteX32" fmla="*/ 0 w 2524125"/>
              <a:gd name="connsiteY32" fmla="*/ 3338513 h 33385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2524125" h="3338513">
                <a:moveTo>
                  <a:pt x="2313456" y="433154"/>
                </a:moveTo>
                <a:cubicBezTo>
                  <a:pt x="2306512" y="432999"/>
                  <a:pt x="2300753" y="438214"/>
                  <a:pt x="2300590" y="444804"/>
                </a:cubicBezTo>
                <a:cubicBezTo>
                  <a:pt x="2300590" y="444819"/>
                  <a:pt x="2300590" y="444837"/>
                  <a:pt x="2300590" y="444851"/>
                </a:cubicBezTo>
                <a:cubicBezTo>
                  <a:pt x="2300506" y="451498"/>
                  <a:pt x="2306118" y="456946"/>
                  <a:pt x="2313116" y="457021"/>
                </a:cubicBezTo>
                <a:cubicBezTo>
                  <a:pt x="2319966" y="457045"/>
                  <a:pt x="2325572" y="451863"/>
                  <a:pt x="2325735" y="445366"/>
                </a:cubicBezTo>
                <a:cubicBezTo>
                  <a:pt x="2325898" y="438776"/>
                  <a:pt x="2320399" y="433308"/>
                  <a:pt x="2313456" y="433154"/>
                </a:cubicBezTo>
                <a:close/>
                <a:moveTo>
                  <a:pt x="2012929" y="421597"/>
                </a:moveTo>
                <a:cubicBezTo>
                  <a:pt x="1999072" y="421259"/>
                  <a:pt x="1987552" y="431651"/>
                  <a:pt x="1987197" y="444805"/>
                </a:cubicBezTo>
                <a:cubicBezTo>
                  <a:pt x="1987197" y="444823"/>
                  <a:pt x="1987197" y="444837"/>
                  <a:pt x="1987197" y="444855"/>
                </a:cubicBezTo>
                <a:cubicBezTo>
                  <a:pt x="1987035" y="458168"/>
                  <a:pt x="1998273" y="469084"/>
                  <a:pt x="2012299" y="469238"/>
                </a:cubicBezTo>
                <a:cubicBezTo>
                  <a:pt x="2025909" y="469234"/>
                  <a:pt x="2037035" y="458936"/>
                  <a:pt x="2037385" y="446021"/>
                </a:cubicBezTo>
                <a:cubicBezTo>
                  <a:pt x="2037735" y="432868"/>
                  <a:pt x="2026791" y="421929"/>
                  <a:pt x="2012929" y="421597"/>
                </a:cubicBezTo>
                <a:close/>
                <a:moveTo>
                  <a:pt x="2313795" y="128671"/>
                </a:moveTo>
                <a:cubicBezTo>
                  <a:pt x="2299937" y="128333"/>
                  <a:pt x="2288417" y="138725"/>
                  <a:pt x="2288063" y="151879"/>
                </a:cubicBezTo>
                <a:cubicBezTo>
                  <a:pt x="2288063" y="151879"/>
                  <a:pt x="2288063" y="151882"/>
                  <a:pt x="2288063" y="151882"/>
                </a:cubicBezTo>
                <a:cubicBezTo>
                  <a:pt x="2287875" y="165195"/>
                  <a:pt x="2299089" y="176134"/>
                  <a:pt x="2313114" y="176312"/>
                </a:cubicBezTo>
                <a:cubicBezTo>
                  <a:pt x="2326745" y="176335"/>
                  <a:pt x="2337900" y="166028"/>
                  <a:pt x="2338250" y="153095"/>
                </a:cubicBezTo>
                <a:cubicBezTo>
                  <a:pt x="2338600" y="139942"/>
                  <a:pt x="2327657" y="129003"/>
                  <a:pt x="2313795" y="128671"/>
                </a:cubicBezTo>
                <a:close/>
                <a:moveTo>
                  <a:pt x="1712068" y="128107"/>
                </a:moveTo>
                <a:cubicBezTo>
                  <a:pt x="1698205" y="127798"/>
                  <a:pt x="1686706" y="138213"/>
                  <a:pt x="1686381" y="151367"/>
                </a:cubicBezTo>
                <a:cubicBezTo>
                  <a:pt x="1686242" y="164670"/>
                  <a:pt x="1697466" y="175576"/>
                  <a:pt x="1711481" y="175753"/>
                </a:cubicBezTo>
                <a:cubicBezTo>
                  <a:pt x="1725112" y="175749"/>
                  <a:pt x="1736247" y="165423"/>
                  <a:pt x="1736567" y="152490"/>
                </a:cubicBezTo>
                <a:cubicBezTo>
                  <a:pt x="1736893" y="139337"/>
                  <a:pt x="1725925" y="128421"/>
                  <a:pt x="1712068" y="128107"/>
                </a:cubicBezTo>
                <a:close/>
                <a:moveTo>
                  <a:pt x="2013270" y="117112"/>
                </a:moveTo>
                <a:cubicBezTo>
                  <a:pt x="1992499" y="116593"/>
                  <a:pt x="1975214" y="132162"/>
                  <a:pt x="1974671" y="151878"/>
                </a:cubicBezTo>
                <a:cubicBezTo>
                  <a:pt x="1974671" y="151878"/>
                  <a:pt x="1974671" y="151882"/>
                  <a:pt x="1974671" y="151882"/>
                </a:cubicBezTo>
                <a:cubicBezTo>
                  <a:pt x="1974400" y="171864"/>
                  <a:pt x="1991246" y="188270"/>
                  <a:pt x="2012299" y="188528"/>
                </a:cubicBezTo>
                <a:cubicBezTo>
                  <a:pt x="2032690" y="188524"/>
                  <a:pt x="2049364" y="173100"/>
                  <a:pt x="2049901" y="153750"/>
                </a:cubicBezTo>
                <a:cubicBezTo>
                  <a:pt x="2050443" y="134034"/>
                  <a:pt x="2034046" y="117628"/>
                  <a:pt x="2013270" y="117112"/>
                </a:cubicBezTo>
                <a:close/>
                <a:moveTo>
                  <a:pt x="0" y="0"/>
                </a:moveTo>
                <a:lnTo>
                  <a:pt x="2524125" y="0"/>
                </a:lnTo>
                <a:lnTo>
                  <a:pt x="2524125" y="3338513"/>
                </a:lnTo>
                <a:lnTo>
                  <a:pt x="0" y="3338513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837147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90545" y="2719350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655B54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 dirty="0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1" name="Dots">
            <a:extLst>
              <a:ext uri="{FF2B5EF4-FFF2-40B4-BE49-F238E27FC236}">
                <a16:creationId xmlns:a16="http://schemas.microsoft.com/office/drawing/2014/main" id="{4DC8648D-B704-4A1B-92A8-2B5828CECBBD}"/>
              </a:ext>
            </a:extLst>
          </p:cNvPr>
          <p:cNvSpPr/>
          <p:nvPr userDrawn="1"/>
        </p:nvSpPr>
        <p:spPr>
          <a:xfrm rot="16200000">
            <a:off x="7037019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572356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 2 and pattern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CD2B8DDE-141E-47A1-827C-BEBE167408A8}"/>
              </a:ext>
            </a:extLst>
          </p:cNvPr>
          <p:cNvSpPr/>
          <p:nvPr userDrawn="1"/>
        </p:nvSpPr>
        <p:spPr>
          <a:xfrm>
            <a:off x="5943600" y="1078086"/>
            <a:ext cx="2462674" cy="3267577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3" name="Picture Placeholder 62">
            <a:extLst>
              <a:ext uri="{FF2B5EF4-FFF2-40B4-BE49-F238E27FC236}">
                <a16:creationId xmlns:a16="http://schemas.microsoft.com/office/drawing/2014/main" id="{ED1BA532-3110-40F8-A761-D6129FF3DF7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custGeom>
            <a:avLst/>
            <a:gdLst>
              <a:gd name="connsiteX0" fmla="*/ 2313456 w 2524125"/>
              <a:gd name="connsiteY0" fmla="*/ 433154 h 3338513"/>
              <a:gd name="connsiteX1" fmla="*/ 2300590 w 2524125"/>
              <a:gd name="connsiteY1" fmla="*/ 444804 h 3338513"/>
              <a:gd name="connsiteX2" fmla="*/ 2300590 w 2524125"/>
              <a:gd name="connsiteY2" fmla="*/ 444851 h 3338513"/>
              <a:gd name="connsiteX3" fmla="*/ 2313116 w 2524125"/>
              <a:gd name="connsiteY3" fmla="*/ 457021 h 3338513"/>
              <a:gd name="connsiteX4" fmla="*/ 2325735 w 2524125"/>
              <a:gd name="connsiteY4" fmla="*/ 445366 h 3338513"/>
              <a:gd name="connsiteX5" fmla="*/ 2313456 w 2524125"/>
              <a:gd name="connsiteY5" fmla="*/ 433154 h 3338513"/>
              <a:gd name="connsiteX6" fmla="*/ 2012929 w 2524125"/>
              <a:gd name="connsiteY6" fmla="*/ 421597 h 3338513"/>
              <a:gd name="connsiteX7" fmla="*/ 1987197 w 2524125"/>
              <a:gd name="connsiteY7" fmla="*/ 444805 h 3338513"/>
              <a:gd name="connsiteX8" fmla="*/ 1987197 w 2524125"/>
              <a:gd name="connsiteY8" fmla="*/ 444855 h 3338513"/>
              <a:gd name="connsiteX9" fmla="*/ 2012299 w 2524125"/>
              <a:gd name="connsiteY9" fmla="*/ 469238 h 3338513"/>
              <a:gd name="connsiteX10" fmla="*/ 2037385 w 2524125"/>
              <a:gd name="connsiteY10" fmla="*/ 446021 h 3338513"/>
              <a:gd name="connsiteX11" fmla="*/ 2012929 w 2524125"/>
              <a:gd name="connsiteY11" fmla="*/ 421597 h 3338513"/>
              <a:gd name="connsiteX12" fmla="*/ 2313795 w 2524125"/>
              <a:gd name="connsiteY12" fmla="*/ 128671 h 3338513"/>
              <a:gd name="connsiteX13" fmla="*/ 2288063 w 2524125"/>
              <a:gd name="connsiteY13" fmla="*/ 151879 h 3338513"/>
              <a:gd name="connsiteX14" fmla="*/ 2288063 w 2524125"/>
              <a:gd name="connsiteY14" fmla="*/ 151882 h 3338513"/>
              <a:gd name="connsiteX15" fmla="*/ 2313114 w 2524125"/>
              <a:gd name="connsiteY15" fmla="*/ 176312 h 3338513"/>
              <a:gd name="connsiteX16" fmla="*/ 2338250 w 2524125"/>
              <a:gd name="connsiteY16" fmla="*/ 153095 h 3338513"/>
              <a:gd name="connsiteX17" fmla="*/ 2313795 w 2524125"/>
              <a:gd name="connsiteY17" fmla="*/ 128671 h 3338513"/>
              <a:gd name="connsiteX18" fmla="*/ 1712068 w 2524125"/>
              <a:gd name="connsiteY18" fmla="*/ 128107 h 3338513"/>
              <a:gd name="connsiteX19" fmla="*/ 1686381 w 2524125"/>
              <a:gd name="connsiteY19" fmla="*/ 151367 h 3338513"/>
              <a:gd name="connsiteX20" fmla="*/ 1711481 w 2524125"/>
              <a:gd name="connsiteY20" fmla="*/ 175753 h 3338513"/>
              <a:gd name="connsiteX21" fmla="*/ 1736567 w 2524125"/>
              <a:gd name="connsiteY21" fmla="*/ 152490 h 3338513"/>
              <a:gd name="connsiteX22" fmla="*/ 1712068 w 2524125"/>
              <a:gd name="connsiteY22" fmla="*/ 128107 h 3338513"/>
              <a:gd name="connsiteX23" fmla="*/ 2013270 w 2524125"/>
              <a:gd name="connsiteY23" fmla="*/ 117112 h 3338513"/>
              <a:gd name="connsiteX24" fmla="*/ 1974671 w 2524125"/>
              <a:gd name="connsiteY24" fmla="*/ 151878 h 3338513"/>
              <a:gd name="connsiteX25" fmla="*/ 1974671 w 2524125"/>
              <a:gd name="connsiteY25" fmla="*/ 151882 h 3338513"/>
              <a:gd name="connsiteX26" fmla="*/ 2012299 w 2524125"/>
              <a:gd name="connsiteY26" fmla="*/ 188528 h 3338513"/>
              <a:gd name="connsiteX27" fmla="*/ 2049901 w 2524125"/>
              <a:gd name="connsiteY27" fmla="*/ 153750 h 3338513"/>
              <a:gd name="connsiteX28" fmla="*/ 2013270 w 2524125"/>
              <a:gd name="connsiteY28" fmla="*/ 117112 h 3338513"/>
              <a:gd name="connsiteX29" fmla="*/ 0 w 2524125"/>
              <a:gd name="connsiteY29" fmla="*/ 0 h 3338513"/>
              <a:gd name="connsiteX30" fmla="*/ 2524125 w 2524125"/>
              <a:gd name="connsiteY30" fmla="*/ 0 h 3338513"/>
              <a:gd name="connsiteX31" fmla="*/ 2524125 w 2524125"/>
              <a:gd name="connsiteY31" fmla="*/ 3338513 h 3338513"/>
              <a:gd name="connsiteX32" fmla="*/ 0 w 2524125"/>
              <a:gd name="connsiteY32" fmla="*/ 3338513 h 33385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2524125" h="3338513">
                <a:moveTo>
                  <a:pt x="2313456" y="433154"/>
                </a:moveTo>
                <a:cubicBezTo>
                  <a:pt x="2306512" y="432999"/>
                  <a:pt x="2300753" y="438214"/>
                  <a:pt x="2300590" y="444804"/>
                </a:cubicBezTo>
                <a:cubicBezTo>
                  <a:pt x="2300590" y="444819"/>
                  <a:pt x="2300590" y="444837"/>
                  <a:pt x="2300590" y="444851"/>
                </a:cubicBezTo>
                <a:cubicBezTo>
                  <a:pt x="2300506" y="451498"/>
                  <a:pt x="2306118" y="456946"/>
                  <a:pt x="2313116" y="457021"/>
                </a:cubicBezTo>
                <a:cubicBezTo>
                  <a:pt x="2319966" y="457045"/>
                  <a:pt x="2325572" y="451863"/>
                  <a:pt x="2325735" y="445366"/>
                </a:cubicBezTo>
                <a:cubicBezTo>
                  <a:pt x="2325898" y="438776"/>
                  <a:pt x="2320399" y="433308"/>
                  <a:pt x="2313456" y="433154"/>
                </a:cubicBezTo>
                <a:close/>
                <a:moveTo>
                  <a:pt x="2012929" y="421597"/>
                </a:moveTo>
                <a:cubicBezTo>
                  <a:pt x="1999072" y="421259"/>
                  <a:pt x="1987552" y="431651"/>
                  <a:pt x="1987197" y="444805"/>
                </a:cubicBezTo>
                <a:cubicBezTo>
                  <a:pt x="1987197" y="444823"/>
                  <a:pt x="1987197" y="444837"/>
                  <a:pt x="1987197" y="444855"/>
                </a:cubicBezTo>
                <a:cubicBezTo>
                  <a:pt x="1987035" y="458168"/>
                  <a:pt x="1998273" y="469084"/>
                  <a:pt x="2012299" y="469238"/>
                </a:cubicBezTo>
                <a:cubicBezTo>
                  <a:pt x="2025909" y="469234"/>
                  <a:pt x="2037035" y="458936"/>
                  <a:pt x="2037385" y="446021"/>
                </a:cubicBezTo>
                <a:cubicBezTo>
                  <a:pt x="2037735" y="432868"/>
                  <a:pt x="2026791" y="421929"/>
                  <a:pt x="2012929" y="421597"/>
                </a:cubicBezTo>
                <a:close/>
                <a:moveTo>
                  <a:pt x="2313795" y="128671"/>
                </a:moveTo>
                <a:cubicBezTo>
                  <a:pt x="2299937" y="128333"/>
                  <a:pt x="2288417" y="138725"/>
                  <a:pt x="2288063" y="151879"/>
                </a:cubicBezTo>
                <a:cubicBezTo>
                  <a:pt x="2288063" y="151879"/>
                  <a:pt x="2288063" y="151882"/>
                  <a:pt x="2288063" y="151882"/>
                </a:cubicBezTo>
                <a:cubicBezTo>
                  <a:pt x="2287875" y="165195"/>
                  <a:pt x="2299089" y="176134"/>
                  <a:pt x="2313114" y="176312"/>
                </a:cubicBezTo>
                <a:cubicBezTo>
                  <a:pt x="2326745" y="176335"/>
                  <a:pt x="2337900" y="166028"/>
                  <a:pt x="2338250" y="153095"/>
                </a:cubicBezTo>
                <a:cubicBezTo>
                  <a:pt x="2338600" y="139942"/>
                  <a:pt x="2327657" y="129003"/>
                  <a:pt x="2313795" y="128671"/>
                </a:cubicBezTo>
                <a:close/>
                <a:moveTo>
                  <a:pt x="1712068" y="128107"/>
                </a:moveTo>
                <a:cubicBezTo>
                  <a:pt x="1698205" y="127798"/>
                  <a:pt x="1686706" y="138213"/>
                  <a:pt x="1686381" y="151367"/>
                </a:cubicBezTo>
                <a:cubicBezTo>
                  <a:pt x="1686242" y="164670"/>
                  <a:pt x="1697466" y="175576"/>
                  <a:pt x="1711481" y="175753"/>
                </a:cubicBezTo>
                <a:cubicBezTo>
                  <a:pt x="1725112" y="175749"/>
                  <a:pt x="1736247" y="165423"/>
                  <a:pt x="1736567" y="152490"/>
                </a:cubicBezTo>
                <a:cubicBezTo>
                  <a:pt x="1736893" y="139337"/>
                  <a:pt x="1725925" y="128421"/>
                  <a:pt x="1712068" y="128107"/>
                </a:cubicBezTo>
                <a:close/>
                <a:moveTo>
                  <a:pt x="2013270" y="117112"/>
                </a:moveTo>
                <a:cubicBezTo>
                  <a:pt x="1992499" y="116593"/>
                  <a:pt x="1975214" y="132162"/>
                  <a:pt x="1974671" y="151878"/>
                </a:cubicBezTo>
                <a:cubicBezTo>
                  <a:pt x="1974671" y="151878"/>
                  <a:pt x="1974671" y="151882"/>
                  <a:pt x="1974671" y="151882"/>
                </a:cubicBezTo>
                <a:cubicBezTo>
                  <a:pt x="1974400" y="171864"/>
                  <a:pt x="1991246" y="188270"/>
                  <a:pt x="2012299" y="188528"/>
                </a:cubicBezTo>
                <a:cubicBezTo>
                  <a:pt x="2032690" y="188524"/>
                  <a:pt x="2049364" y="173100"/>
                  <a:pt x="2049901" y="153750"/>
                </a:cubicBezTo>
                <a:cubicBezTo>
                  <a:pt x="2050443" y="134034"/>
                  <a:pt x="2034046" y="117628"/>
                  <a:pt x="2013270" y="117112"/>
                </a:cubicBezTo>
                <a:close/>
                <a:moveTo>
                  <a:pt x="0" y="0"/>
                </a:moveTo>
                <a:lnTo>
                  <a:pt x="2524125" y="0"/>
                </a:lnTo>
                <a:lnTo>
                  <a:pt x="2524125" y="3338513"/>
                </a:lnTo>
                <a:lnTo>
                  <a:pt x="0" y="3338513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837147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8" y="2719350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EACBBB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role title</a:t>
            </a:r>
            <a:endParaRPr lang="en-GB" dirty="0"/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4" name="Dots">
            <a:extLst>
              <a:ext uri="{FF2B5EF4-FFF2-40B4-BE49-F238E27FC236}">
                <a16:creationId xmlns:a16="http://schemas.microsoft.com/office/drawing/2014/main" id="{6756FC10-BA1F-4145-A18C-32CA3924622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9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610739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tags" Target="../tags/tag5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61" Type="http://schemas.openxmlformats.org/officeDocument/2006/relationships/tags" Target="../tags/tag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tags" Target="../tags/tag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tags" Target="../tags/tag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tags" Target="../tags/tag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87338" y="231774"/>
            <a:ext cx="8569325" cy="1008064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87338" y="1384301"/>
            <a:ext cx="8569324" cy="3240088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Level 1, </a:t>
            </a:r>
            <a:r>
              <a:rPr lang="en-US" dirty="0" err="1"/>
              <a:t>Tietoevry</a:t>
            </a:r>
            <a:r>
              <a:rPr lang="en-US" dirty="0"/>
              <a:t> sans light 11</a:t>
            </a:r>
          </a:p>
          <a:p>
            <a:pPr lvl="1"/>
            <a:r>
              <a:rPr lang="en-US" dirty="0"/>
              <a:t>Level 2, </a:t>
            </a:r>
            <a:r>
              <a:rPr lang="en-US" dirty="0" err="1"/>
              <a:t>Tietoevry</a:t>
            </a:r>
            <a:r>
              <a:rPr lang="en-US" dirty="0"/>
              <a:t> sans light 11</a:t>
            </a:r>
          </a:p>
          <a:p>
            <a:pPr lvl="2"/>
            <a:r>
              <a:rPr lang="en-US" dirty="0"/>
              <a:t>Level 3, </a:t>
            </a:r>
            <a:r>
              <a:rPr lang="en-US" dirty="0" err="1"/>
              <a:t>Tietoevry</a:t>
            </a:r>
            <a:r>
              <a:rPr lang="en-US" dirty="0"/>
              <a:t> sans light 11</a:t>
            </a:r>
          </a:p>
          <a:p>
            <a:pPr lvl="3"/>
            <a:r>
              <a:rPr lang="en-US" dirty="0"/>
              <a:t>Level 4, </a:t>
            </a:r>
            <a:r>
              <a:rPr lang="en-US" dirty="0" err="1"/>
              <a:t>Tietoevry</a:t>
            </a:r>
            <a:r>
              <a:rPr lang="en-US" dirty="0"/>
              <a:t> sans medium 11</a:t>
            </a:r>
          </a:p>
          <a:p>
            <a:pPr lvl="4"/>
            <a:r>
              <a:rPr lang="en-GB" dirty="0"/>
              <a:t>Level 5, </a:t>
            </a:r>
            <a:r>
              <a:rPr lang="en-GB" dirty="0" err="1"/>
              <a:t>Tietoevry</a:t>
            </a:r>
            <a:r>
              <a:rPr lang="en-GB" dirty="0"/>
              <a:t> sans medium 11 (Maroon colour)</a:t>
            </a:r>
          </a:p>
          <a:p>
            <a:pPr lvl="5"/>
            <a:r>
              <a:rPr lang="en-US" dirty="0"/>
              <a:t>Level 6, </a:t>
            </a:r>
            <a:r>
              <a:rPr lang="en-US" dirty="0" err="1"/>
              <a:t>Tietoevry</a:t>
            </a:r>
            <a:r>
              <a:rPr lang="en-US" dirty="0"/>
              <a:t> sans light 16 (Boardroom)</a:t>
            </a:r>
          </a:p>
          <a:p>
            <a:pPr lvl="6"/>
            <a:r>
              <a:rPr lang="en-US" dirty="0"/>
              <a:t>Level 7, </a:t>
            </a:r>
            <a:r>
              <a:rPr lang="en-US" dirty="0" err="1"/>
              <a:t>Tietoevry</a:t>
            </a:r>
            <a:r>
              <a:rPr lang="en-US" dirty="0"/>
              <a:t> sans light 20 (Classroom)</a:t>
            </a:r>
          </a:p>
          <a:p>
            <a:pPr lvl="7"/>
            <a:r>
              <a:rPr lang="en-US" dirty="0"/>
              <a:t>Level 8, </a:t>
            </a:r>
            <a:r>
              <a:rPr lang="en-US" dirty="0" err="1"/>
              <a:t>Tietoevry</a:t>
            </a:r>
            <a:r>
              <a:rPr lang="en-US" dirty="0"/>
              <a:t> sans light 24 (Ballroom)</a:t>
            </a:r>
          </a:p>
          <a:p>
            <a:pPr lvl="8"/>
            <a:r>
              <a:rPr lang="en-US" dirty="0"/>
              <a:t>Level 9,Tietoevry sans thin 36 (Infographics)</a:t>
            </a:r>
          </a:p>
          <a:p>
            <a:pPr lvl="8"/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6429054" y="4889414"/>
            <a:ext cx="2057400" cy="12938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rgbClr val="BEBEBE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030621" y="4889414"/>
            <a:ext cx="513396" cy="129382"/>
          </a:xfrm>
          <a:prstGeom prst="rect">
            <a:avLst/>
          </a:prstGeom>
        </p:spPr>
        <p:txBody>
          <a:bodyPr vert="horz" wrap="none" lIns="0" tIns="0" rIns="0" bIns="0" rtlCol="0" anchor="ctr"/>
          <a:lstStyle>
            <a:lvl1pPr algn="l">
              <a:defRPr sz="700">
                <a:solidFill>
                  <a:srgbClr val="BEBEBE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32687" y="4889414"/>
            <a:ext cx="316567" cy="12938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rgbClr val="BEBEBE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21" name="Graphic 19">
            <a:extLst>
              <a:ext uri="{FF2B5EF4-FFF2-40B4-BE49-F238E27FC236}">
                <a16:creationId xmlns:a16="http://schemas.microsoft.com/office/drawing/2014/main" id="{25FB6CBA-568C-4561-9F8B-63353D60C4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CD5553F2-FBCD-4BC0-89B1-C3C6B071A465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A6E97CA0-2B3D-4EC7-8814-4B1885DAA8A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1436BE29-9A5E-4924-96C1-C8FD6399636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4302BD2-1721-4C2B-918F-37EDB2DA213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4AA81E65-F43B-4507-962E-4E125887B53C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D8C82DF7-08D7-4B3C-A2EE-3F151BD3E0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5E78D303-7B1B-4CA5-98B1-5150A7C5556C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945B777B-422A-42E1-9FEF-493C5441CEB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0D0337E-6257-43B6-8A33-5D5B00F11F62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DBCDA05F-0DFB-434E-8D63-F21AC9981CFC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261AAF30-1E5F-4CD3-9063-4CD80BA1F755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1A0A60F8-03A2-4F61-B78E-3B95B56313E6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2BAFDD46-3F79-4ABA-99B9-5B4F6A10C616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761AE0C9-4144-43F9-A524-8675A64D4BEF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3CCFBA73-1C05-4642-8FD7-EC0C2827D71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AB432E7C-57D1-4945-8842-A6509C2261F7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836BA895-901A-4EA1-839D-68CDC919D650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9773566D-F5D6-45EA-8088-C1671AE9349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73E19993-6F5D-408F-A761-CFB189BD3ED2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2609AB2E-EE1C-4E2C-93C7-D22EF0230ADD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11" name="xxLanguageTextBox">
            <a:extLst>
              <a:ext uri="{FF2B5EF4-FFF2-40B4-BE49-F238E27FC236}">
                <a16:creationId xmlns:a16="http://schemas.microsoft.com/office/drawing/2014/main" id="{58F81A98-8A90-4939-8305-1BD77D15340D}"/>
              </a:ext>
            </a:extLst>
          </p:cNvPr>
          <p:cNvSpPr/>
          <p:nvPr userDrawn="1">
            <p:custDataLst>
              <p:tags r:id="rId59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7" name="xxLanguageTextBox">
            <a:extLst>
              <a:ext uri="{FF2B5EF4-FFF2-40B4-BE49-F238E27FC236}">
                <a16:creationId xmlns:a16="http://schemas.microsoft.com/office/drawing/2014/main" id="{0BA9C109-60A0-4CD7-8604-CA1350B8399E}"/>
              </a:ext>
            </a:extLst>
          </p:cNvPr>
          <p:cNvSpPr/>
          <p:nvPr userDrawn="1">
            <p:custDataLst>
              <p:tags r:id="rId60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8" name="xxLanguageTextBox">
            <a:extLst>
              <a:ext uri="{FF2B5EF4-FFF2-40B4-BE49-F238E27FC236}">
                <a16:creationId xmlns:a16="http://schemas.microsoft.com/office/drawing/2014/main" id="{E3424136-D07B-4809-A0D0-DF64A4998C65}"/>
              </a:ext>
            </a:extLst>
          </p:cNvPr>
          <p:cNvSpPr/>
          <p:nvPr userDrawn="1">
            <p:custDataLst>
              <p:tags r:id="rId61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9" name="xxLanguageTextBox">
            <a:extLst>
              <a:ext uri="{FF2B5EF4-FFF2-40B4-BE49-F238E27FC236}">
                <a16:creationId xmlns:a16="http://schemas.microsoft.com/office/drawing/2014/main" id="{44890CA2-8BA5-4DAF-A661-773C108C9506}"/>
              </a:ext>
            </a:extLst>
          </p:cNvPr>
          <p:cNvSpPr/>
          <p:nvPr userDrawn="1">
            <p:custDataLst>
              <p:tags r:id="rId62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10" name="xxLanguageTextBox">
            <a:extLst>
              <a:ext uri="{FF2B5EF4-FFF2-40B4-BE49-F238E27FC236}">
                <a16:creationId xmlns:a16="http://schemas.microsoft.com/office/drawing/2014/main" id="{E61FCD24-C515-4CE0-8F76-ED33AB0DF48C}"/>
              </a:ext>
            </a:extLst>
          </p:cNvPr>
          <p:cNvSpPr/>
          <p:nvPr userDrawn="1">
            <p:custDataLst>
              <p:tags r:id="rId63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5189287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77" r:id="rId2"/>
    <p:sldLayoutId id="2147483679" r:id="rId3"/>
    <p:sldLayoutId id="2147483678" r:id="rId4"/>
    <p:sldLayoutId id="2147483700" r:id="rId5"/>
    <p:sldLayoutId id="2147483701" r:id="rId6"/>
    <p:sldLayoutId id="2147483702" r:id="rId7"/>
    <p:sldLayoutId id="2147483682" r:id="rId8"/>
    <p:sldLayoutId id="2147483680" r:id="rId9"/>
    <p:sldLayoutId id="2147483724" r:id="rId10"/>
    <p:sldLayoutId id="2147483725" r:id="rId11"/>
    <p:sldLayoutId id="2147483683" r:id="rId12"/>
    <p:sldLayoutId id="2147483684" r:id="rId13"/>
    <p:sldLayoutId id="2147483686" r:id="rId14"/>
    <p:sldLayoutId id="2147483685" r:id="rId15"/>
    <p:sldLayoutId id="2147483687" r:id="rId16"/>
    <p:sldLayoutId id="2147483688" r:id="rId17"/>
    <p:sldLayoutId id="2147483727" r:id="rId18"/>
    <p:sldLayoutId id="2147483691" r:id="rId19"/>
    <p:sldLayoutId id="2147483730" r:id="rId20"/>
    <p:sldLayoutId id="2147483721" r:id="rId21"/>
    <p:sldLayoutId id="2147483692" r:id="rId22"/>
    <p:sldLayoutId id="2147483731" r:id="rId23"/>
    <p:sldLayoutId id="2147483732" r:id="rId24"/>
    <p:sldLayoutId id="2147483717" r:id="rId25"/>
    <p:sldLayoutId id="2147483733" r:id="rId26"/>
    <p:sldLayoutId id="2147483723" r:id="rId27"/>
    <p:sldLayoutId id="2147483722" r:id="rId28"/>
    <p:sldLayoutId id="2147483734" r:id="rId29"/>
    <p:sldLayoutId id="2147483735" r:id="rId30"/>
    <p:sldLayoutId id="2147483737" r:id="rId31"/>
    <p:sldLayoutId id="2147483738" r:id="rId32"/>
    <p:sldLayoutId id="2147483708" r:id="rId33"/>
    <p:sldLayoutId id="2147483719" r:id="rId34"/>
    <p:sldLayoutId id="2147483673" r:id="rId35"/>
    <p:sldLayoutId id="2147483674" r:id="rId36"/>
    <p:sldLayoutId id="2147483675" r:id="rId37"/>
    <p:sldLayoutId id="2147483676" r:id="rId38"/>
    <p:sldLayoutId id="2147483711" r:id="rId39"/>
    <p:sldLayoutId id="2147483710" r:id="rId40"/>
    <p:sldLayoutId id="2147483712" r:id="rId41"/>
    <p:sldLayoutId id="2147483713" r:id="rId42"/>
    <p:sldLayoutId id="2147483714" r:id="rId43"/>
    <p:sldLayoutId id="2147483739" r:id="rId44"/>
    <p:sldLayoutId id="2147483697" r:id="rId45"/>
    <p:sldLayoutId id="2147483694" r:id="rId46"/>
    <p:sldLayoutId id="2147483740" r:id="rId47"/>
    <p:sldLayoutId id="2147483709" r:id="rId48"/>
    <p:sldLayoutId id="2147483698" r:id="rId49"/>
    <p:sldLayoutId id="2147483699" r:id="rId50"/>
    <p:sldLayoutId id="2147483706" r:id="rId51"/>
    <p:sldLayoutId id="2147483703" r:id="rId52"/>
    <p:sldLayoutId id="2147483704" r:id="rId53"/>
    <p:sldLayoutId id="2147483705" r:id="rId54"/>
    <p:sldLayoutId id="2147483728" r:id="rId55"/>
    <p:sldLayoutId id="2147483729" r:id="rId56"/>
    <p:sldLayoutId id="2147483741" r:id="rId57"/>
  </p:sldLayoutIdLst>
  <p:hf hdr="0" dt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1pPr>
      <a:lvl2pPr marL="345600" indent="-17280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Arial" panose="020B0604020202020204" pitchFamily="34" charset="0"/>
        <a:buChar char="–"/>
        <a:defRPr sz="1100" kern="1200">
          <a:solidFill>
            <a:schemeClr val="tx1"/>
          </a:solidFill>
          <a:latin typeface="+mn-lt"/>
          <a:ea typeface="+mn-ea"/>
          <a:cs typeface="+mn-cs"/>
        </a:defRPr>
      </a:lvl2pPr>
      <a:lvl3pPr marL="518400" indent="-17280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Wingdings" panose="05000000000000000000" pitchFamily="2" charset="2"/>
        <a:buChar char="§"/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1100" kern="1200">
          <a:solidFill>
            <a:schemeClr val="tx1"/>
          </a:solidFill>
          <a:latin typeface="Tietoevry Sans 1 Medium" pitchFamily="2" charset="0"/>
          <a:ea typeface="+mn-ea"/>
          <a:cs typeface="+mn-cs"/>
        </a:defRPr>
      </a:lvl4pPr>
      <a:lvl5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1100" kern="1200">
          <a:solidFill>
            <a:srgbClr val="64302F"/>
          </a:solidFill>
          <a:latin typeface="Tietoevry Sans 1 Medium" pitchFamily="2" charset="0"/>
          <a:ea typeface="+mn-ea"/>
          <a:cs typeface="+mn-cs"/>
        </a:defRPr>
      </a:lvl5pPr>
      <a:lvl6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16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3600" kern="1200">
          <a:solidFill>
            <a:schemeClr val="tx1"/>
          </a:solidFill>
          <a:latin typeface="Tietoevry Sans 1 Thin" pitchFamily="2" charset="0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5579" userDrawn="1">
          <p15:clr>
            <a:srgbClr val="F26B43"/>
          </p15:clr>
        </p15:guide>
        <p15:guide id="2" orient="horz" pos="146" userDrawn="1">
          <p15:clr>
            <a:srgbClr val="F26B43"/>
          </p15:clr>
        </p15:guide>
        <p15:guide id="3" pos="181" userDrawn="1">
          <p15:clr>
            <a:srgbClr val="F26B43"/>
          </p15:clr>
        </p15:guide>
        <p15:guide id="4" orient="horz" pos="872" userDrawn="1">
          <p15:clr>
            <a:srgbClr val="F26B43"/>
          </p15:clr>
        </p15:guide>
        <p15:guide id="5" orient="horz" pos="2913" userDrawn="1">
          <p15:clr>
            <a:srgbClr val="F26B43"/>
          </p15:clr>
        </p15:guide>
        <p15:guide id="7" orient="horz" pos="781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8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8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1491D32-8F12-A0E0-8540-80BBB0A6B886}"/>
              </a:ext>
            </a:extLst>
          </p:cNvPr>
          <p:cNvSpPr/>
          <p:nvPr/>
        </p:nvSpPr>
        <p:spPr>
          <a:xfrm>
            <a:off x="1123406" y="560070"/>
            <a:ext cx="2991394" cy="2100628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pPr algn="ctr"/>
            <a:r>
              <a:rPr lang="en-IN" sz="1100" dirty="0">
                <a:solidFill>
                  <a:schemeClr val="accent1"/>
                </a:solidFill>
              </a:rPr>
              <a:t>ABP Template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036E7FC-64FD-EE70-BFE2-2117B99ED2A9}"/>
              </a:ext>
            </a:extLst>
          </p:cNvPr>
          <p:cNvSpPr txBox="1"/>
          <p:nvPr/>
        </p:nvSpPr>
        <p:spPr>
          <a:xfrm>
            <a:off x="1182531" y="1313161"/>
            <a:ext cx="2860080" cy="1258589"/>
          </a:xfrm>
          <a:prstGeom prst="rect">
            <a:avLst/>
          </a:prstGeom>
          <a:noFill/>
        </p:spPr>
        <p:txBody>
          <a:bodyPr wrap="none" rtlCol="0">
            <a:noAutofit/>
          </a:bodyPr>
          <a:lstStyle/>
          <a:p>
            <a:pPr algn="l"/>
            <a:r>
              <a:rPr lang="en-IN" sz="1100" dirty="0"/>
              <a:t>Application -&gt; API Definition</a:t>
            </a:r>
          </a:p>
          <a:p>
            <a:pPr algn="l"/>
            <a:r>
              <a:rPr lang="en-IN" sz="1100" dirty="0" err="1"/>
              <a:t>Application.Shared</a:t>
            </a:r>
            <a:r>
              <a:rPr lang="en-IN" sz="1100" dirty="0"/>
              <a:t> -&gt; Interface API Definition</a:t>
            </a:r>
          </a:p>
          <a:p>
            <a:pPr algn="l"/>
            <a:r>
              <a:rPr lang="en-IN" sz="1100" dirty="0"/>
              <a:t>Core -&gt; Core Library/Logic od ABP</a:t>
            </a:r>
          </a:p>
          <a:p>
            <a:pPr algn="l"/>
            <a:r>
              <a:rPr lang="en-IN" sz="1100" dirty="0" err="1"/>
              <a:t>EntityFrameworkCore</a:t>
            </a:r>
            <a:r>
              <a:rPr lang="en-IN" sz="1100" dirty="0"/>
              <a:t> -&gt; DB Definition</a:t>
            </a:r>
          </a:p>
          <a:p>
            <a:pPr algn="l"/>
            <a:r>
              <a:rPr lang="en-IN" sz="1100" dirty="0"/>
              <a:t>Migrator -&gt; Migration/Seeding</a:t>
            </a:r>
          </a:p>
          <a:p>
            <a:pPr algn="l"/>
            <a:r>
              <a:rPr lang="en-IN" sz="1100" dirty="0" err="1"/>
              <a:t>Web.Core</a:t>
            </a:r>
            <a:r>
              <a:rPr lang="en-IN" sz="1100" dirty="0"/>
              <a:t> -&gt; Final library package of project</a:t>
            </a:r>
          </a:p>
          <a:p>
            <a:pPr algn="l"/>
            <a:r>
              <a:rPr lang="en-IN" sz="1100" dirty="0" err="1"/>
              <a:t>Web.Host</a:t>
            </a:r>
            <a:r>
              <a:rPr lang="en-IN" sz="1100" dirty="0"/>
              <a:t> -&gt; Executable project</a:t>
            </a:r>
          </a:p>
        </p:txBody>
      </p:sp>
      <p:sp>
        <p:nvSpPr>
          <p:cNvPr id="8" name="Flowchart: Magnetic Disk 7">
            <a:extLst>
              <a:ext uri="{FF2B5EF4-FFF2-40B4-BE49-F238E27FC236}">
                <a16:creationId xmlns:a16="http://schemas.microsoft.com/office/drawing/2014/main" id="{7BEC8946-933B-38EF-D964-C37E5E5F2B4B}"/>
              </a:ext>
            </a:extLst>
          </p:cNvPr>
          <p:cNvSpPr/>
          <p:nvPr/>
        </p:nvSpPr>
        <p:spPr>
          <a:xfrm>
            <a:off x="2148496" y="3541151"/>
            <a:ext cx="928150" cy="735645"/>
          </a:xfrm>
          <a:prstGeom prst="flowChartMagneticDisk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IN" sz="1100" dirty="0">
                <a:solidFill>
                  <a:schemeClr val="accent1"/>
                </a:solidFill>
              </a:rPr>
              <a:t>DB</a:t>
            </a:r>
            <a:endParaRPr lang="en-GB" sz="1100" dirty="0" err="1">
              <a:solidFill>
                <a:schemeClr val="accent1"/>
              </a:solidFill>
            </a:endParaRP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3081F040-138C-DFEC-2B02-EA0F73A6B880}"/>
              </a:ext>
            </a:extLst>
          </p:cNvPr>
          <p:cNvCxnSpPr>
            <a:stCxn id="6" idx="2"/>
            <a:endCxn id="8" idx="1"/>
          </p:cNvCxnSpPr>
          <p:nvPr/>
        </p:nvCxnSpPr>
        <p:spPr>
          <a:xfrm flipH="1">
            <a:off x="2612571" y="2660698"/>
            <a:ext cx="6532" cy="880453"/>
          </a:xfrm>
          <a:prstGeom prst="line">
            <a:avLst/>
          </a:prstGeom>
          <a:ln w="19050" cap="rnd">
            <a:solidFill>
              <a:schemeClr val="accent4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 12">
            <a:extLst>
              <a:ext uri="{FF2B5EF4-FFF2-40B4-BE49-F238E27FC236}">
                <a16:creationId xmlns:a16="http://schemas.microsoft.com/office/drawing/2014/main" id="{D4E7365A-CE90-CD89-EB79-6000EF3A631E}"/>
              </a:ext>
            </a:extLst>
          </p:cNvPr>
          <p:cNvSpPr/>
          <p:nvPr/>
        </p:nvSpPr>
        <p:spPr>
          <a:xfrm>
            <a:off x="5138516" y="560070"/>
            <a:ext cx="2991394" cy="2100628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pPr algn="ctr"/>
            <a:r>
              <a:rPr lang="en-IN" sz="1100" dirty="0">
                <a:solidFill>
                  <a:schemeClr val="accent1"/>
                </a:solidFill>
              </a:rPr>
              <a:t>Microservice</a:t>
            </a:r>
            <a:br>
              <a:rPr lang="en-IN" sz="1100" dirty="0">
                <a:solidFill>
                  <a:schemeClr val="accent1"/>
                </a:solidFill>
              </a:rPr>
            </a:br>
            <a:br>
              <a:rPr lang="en-IN" sz="1100" dirty="0">
                <a:solidFill>
                  <a:schemeClr val="accent1"/>
                </a:solidFill>
              </a:rPr>
            </a:br>
            <a:br>
              <a:rPr lang="en-IN" sz="1100" dirty="0">
                <a:solidFill>
                  <a:schemeClr val="accent1"/>
                </a:solidFill>
              </a:rPr>
            </a:br>
            <a:r>
              <a:rPr lang="en-IN" sz="1100" dirty="0">
                <a:solidFill>
                  <a:schemeClr val="accent1"/>
                </a:solidFill>
              </a:rPr>
              <a:t>SBM: </a:t>
            </a: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Identity</a:t>
            </a: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Fund</a:t>
            </a: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Report</a:t>
            </a:r>
          </a:p>
          <a:p>
            <a:pPr algn="ctr"/>
            <a:endParaRPr lang="en-IN" sz="1100" dirty="0">
              <a:solidFill>
                <a:schemeClr val="accent1"/>
              </a:solidFill>
            </a:endParaRP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Suitability:</a:t>
            </a: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Identity</a:t>
            </a:r>
          </a:p>
          <a:p>
            <a:pPr algn="ctr"/>
            <a:r>
              <a:rPr lang="en-IN" sz="1100" dirty="0" err="1">
                <a:solidFill>
                  <a:schemeClr val="accent1"/>
                </a:solidFill>
              </a:rPr>
              <a:t>CustomerTest</a:t>
            </a:r>
            <a:endParaRPr lang="en-IN" sz="1100" dirty="0">
              <a:solidFill>
                <a:schemeClr val="accent1"/>
              </a:solidFill>
            </a:endParaRPr>
          </a:p>
          <a:p>
            <a:pPr algn="ctr"/>
            <a:r>
              <a:rPr lang="en-IN" sz="1100" dirty="0" err="1">
                <a:solidFill>
                  <a:schemeClr val="accent1"/>
                </a:solidFill>
              </a:rPr>
              <a:t>Questionaire</a:t>
            </a:r>
            <a:endParaRPr lang="en-IN" sz="1100" dirty="0">
              <a:solidFill>
                <a:schemeClr val="accent1"/>
              </a:solidFill>
            </a:endParaRPr>
          </a:p>
          <a:p>
            <a:pPr algn="ctr"/>
            <a:endParaRPr lang="en-IN" sz="1100" dirty="0">
              <a:solidFill>
                <a:schemeClr val="accent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959761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1491D32-8F12-A0E0-8540-80BBB0A6B886}"/>
              </a:ext>
            </a:extLst>
          </p:cNvPr>
          <p:cNvSpPr/>
          <p:nvPr/>
        </p:nvSpPr>
        <p:spPr>
          <a:xfrm>
            <a:off x="1123406" y="560070"/>
            <a:ext cx="2991394" cy="2100628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pPr algn="ctr"/>
            <a:endParaRPr lang="en-IN" sz="1100" dirty="0">
              <a:solidFill>
                <a:schemeClr val="accent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036E7FC-64FD-EE70-BFE2-2117B99ED2A9}"/>
              </a:ext>
            </a:extLst>
          </p:cNvPr>
          <p:cNvSpPr txBox="1"/>
          <p:nvPr/>
        </p:nvSpPr>
        <p:spPr>
          <a:xfrm>
            <a:off x="1182531" y="1313161"/>
            <a:ext cx="2860080" cy="1258589"/>
          </a:xfrm>
          <a:prstGeom prst="rect">
            <a:avLst/>
          </a:prstGeom>
          <a:noFill/>
        </p:spPr>
        <p:txBody>
          <a:bodyPr wrap="none" rtlCol="0">
            <a:noAutofit/>
          </a:bodyPr>
          <a:lstStyle/>
          <a:p>
            <a:pPr algn="l"/>
            <a:endParaRPr lang="en-IN" sz="1100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4F55EC2-7D3B-4AD7-6029-33DC79A8EF42}"/>
              </a:ext>
            </a:extLst>
          </p:cNvPr>
          <p:cNvSpPr/>
          <p:nvPr/>
        </p:nvSpPr>
        <p:spPr>
          <a:xfrm>
            <a:off x="1254722" y="742521"/>
            <a:ext cx="1213470" cy="825022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GB" sz="1100" dirty="0" err="1">
              <a:solidFill>
                <a:schemeClr val="accent1"/>
              </a:solidFill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1DA4A7FA-DEF9-1570-C6BD-A78C27249BC6}"/>
              </a:ext>
            </a:extLst>
          </p:cNvPr>
          <p:cNvSpPr/>
          <p:nvPr/>
        </p:nvSpPr>
        <p:spPr>
          <a:xfrm>
            <a:off x="2646947" y="742521"/>
            <a:ext cx="1216909" cy="825022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GB" sz="1100" dirty="0" err="1">
              <a:solidFill>
                <a:schemeClr val="accent1"/>
              </a:solidFill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D82FBD40-6287-C049-8534-1A842EDDBD96}"/>
              </a:ext>
            </a:extLst>
          </p:cNvPr>
          <p:cNvSpPr/>
          <p:nvPr/>
        </p:nvSpPr>
        <p:spPr>
          <a:xfrm>
            <a:off x="1254722" y="1725672"/>
            <a:ext cx="1213470" cy="825022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GB" sz="1100" dirty="0" err="1">
              <a:solidFill>
                <a:schemeClr val="accent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1653195B-560D-BDC3-8FCD-08A8C9FC59F7}"/>
              </a:ext>
            </a:extLst>
          </p:cNvPr>
          <p:cNvSpPr/>
          <p:nvPr/>
        </p:nvSpPr>
        <p:spPr>
          <a:xfrm>
            <a:off x="2650386" y="1715574"/>
            <a:ext cx="1213470" cy="825022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GB" sz="1100" dirty="0" err="1">
              <a:solidFill>
                <a:schemeClr val="accent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0549483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1491D32-8F12-A0E0-8540-80BBB0A6B886}"/>
              </a:ext>
            </a:extLst>
          </p:cNvPr>
          <p:cNvSpPr/>
          <p:nvPr/>
        </p:nvSpPr>
        <p:spPr>
          <a:xfrm>
            <a:off x="1123406" y="560070"/>
            <a:ext cx="2991394" cy="2100628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pPr algn="ctr"/>
            <a:r>
              <a:rPr lang="en-IN" sz="1100" dirty="0">
                <a:solidFill>
                  <a:schemeClr val="accent1"/>
                </a:solidFill>
              </a:rPr>
              <a:t>ABP Template (New Version)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036E7FC-64FD-EE70-BFE2-2117B99ED2A9}"/>
              </a:ext>
            </a:extLst>
          </p:cNvPr>
          <p:cNvSpPr txBox="1"/>
          <p:nvPr/>
        </p:nvSpPr>
        <p:spPr>
          <a:xfrm>
            <a:off x="1182531" y="1313161"/>
            <a:ext cx="2860080" cy="1258589"/>
          </a:xfrm>
          <a:prstGeom prst="rect">
            <a:avLst/>
          </a:prstGeom>
          <a:noFill/>
        </p:spPr>
        <p:txBody>
          <a:bodyPr wrap="none" rtlCol="0">
            <a:noAutofit/>
          </a:bodyPr>
          <a:lstStyle/>
          <a:p>
            <a:pPr algn="l"/>
            <a:r>
              <a:rPr lang="en-IN" sz="1100" dirty="0"/>
              <a:t>Application -&gt; API Definition</a:t>
            </a:r>
          </a:p>
          <a:p>
            <a:pPr algn="l"/>
            <a:r>
              <a:rPr lang="en-IN" sz="1100" dirty="0" err="1"/>
              <a:t>Application.Shared</a:t>
            </a:r>
            <a:r>
              <a:rPr lang="en-IN" sz="1100" dirty="0"/>
              <a:t> -&gt; Interface API Definition</a:t>
            </a:r>
          </a:p>
          <a:p>
            <a:pPr algn="l"/>
            <a:r>
              <a:rPr lang="en-IN" sz="1100" dirty="0"/>
              <a:t>Core -&gt; Core Library/Logic od ABP</a:t>
            </a:r>
          </a:p>
          <a:p>
            <a:pPr algn="l"/>
            <a:r>
              <a:rPr lang="en-IN" sz="1100" dirty="0" err="1"/>
              <a:t>EntityFrameworkCore</a:t>
            </a:r>
            <a:r>
              <a:rPr lang="en-IN" sz="1100" dirty="0"/>
              <a:t> -&gt; DB Definition</a:t>
            </a:r>
          </a:p>
          <a:p>
            <a:pPr algn="l"/>
            <a:r>
              <a:rPr lang="en-IN" sz="1100" dirty="0"/>
              <a:t>Migrator -&gt; Migration/Seeding</a:t>
            </a:r>
          </a:p>
          <a:p>
            <a:pPr algn="l"/>
            <a:r>
              <a:rPr lang="en-IN" sz="1100" dirty="0" err="1"/>
              <a:t>Web.Core</a:t>
            </a:r>
            <a:r>
              <a:rPr lang="en-IN" sz="1100" dirty="0"/>
              <a:t> -&gt; Final library package of project</a:t>
            </a:r>
          </a:p>
          <a:p>
            <a:pPr algn="l"/>
            <a:r>
              <a:rPr lang="en-IN" sz="1100" dirty="0" err="1"/>
              <a:t>Web.Host</a:t>
            </a:r>
            <a:r>
              <a:rPr lang="en-IN" sz="1100" dirty="0"/>
              <a:t> -&gt; Executable project</a:t>
            </a:r>
          </a:p>
        </p:txBody>
      </p:sp>
      <p:sp>
        <p:nvSpPr>
          <p:cNvPr id="8" name="Flowchart: Magnetic Disk 7">
            <a:extLst>
              <a:ext uri="{FF2B5EF4-FFF2-40B4-BE49-F238E27FC236}">
                <a16:creationId xmlns:a16="http://schemas.microsoft.com/office/drawing/2014/main" id="{7BEC8946-933B-38EF-D964-C37E5E5F2B4B}"/>
              </a:ext>
            </a:extLst>
          </p:cNvPr>
          <p:cNvSpPr/>
          <p:nvPr/>
        </p:nvSpPr>
        <p:spPr>
          <a:xfrm>
            <a:off x="2148496" y="3541151"/>
            <a:ext cx="928150" cy="735645"/>
          </a:xfrm>
          <a:prstGeom prst="flowChartMagneticDisk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IN" sz="1100" dirty="0">
                <a:solidFill>
                  <a:schemeClr val="accent1"/>
                </a:solidFill>
              </a:rPr>
              <a:t>DB</a:t>
            </a:r>
            <a:endParaRPr lang="en-GB" sz="1100" dirty="0" err="1">
              <a:solidFill>
                <a:schemeClr val="accent1"/>
              </a:solidFill>
            </a:endParaRP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3081F040-138C-DFEC-2B02-EA0F73A6B880}"/>
              </a:ext>
            </a:extLst>
          </p:cNvPr>
          <p:cNvCxnSpPr>
            <a:stCxn id="6" idx="2"/>
            <a:endCxn id="8" idx="1"/>
          </p:cNvCxnSpPr>
          <p:nvPr/>
        </p:nvCxnSpPr>
        <p:spPr>
          <a:xfrm flipH="1">
            <a:off x="2612571" y="2660698"/>
            <a:ext cx="6532" cy="880453"/>
          </a:xfrm>
          <a:prstGeom prst="line">
            <a:avLst/>
          </a:prstGeom>
          <a:ln w="19050" cap="rnd">
            <a:solidFill>
              <a:schemeClr val="accent4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 12">
            <a:extLst>
              <a:ext uri="{FF2B5EF4-FFF2-40B4-BE49-F238E27FC236}">
                <a16:creationId xmlns:a16="http://schemas.microsoft.com/office/drawing/2014/main" id="{D4E7365A-CE90-CD89-EB79-6000EF3A631E}"/>
              </a:ext>
            </a:extLst>
          </p:cNvPr>
          <p:cNvSpPr/>
          <p:nvPr/>
        </p:nvSpPr>
        <p:spPr>
          <a:xfrm>
            <a:off x="5138516" y="560070"/>
            <a:ext cx="2991394" cy="2100628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pPr algn="ctr"/>
            <a:r>
              <a:rPr lang="en-IN" sz="1100" dirty="0">
                <a:solidFill>
                  <a:schemeClr val="accent1"/>
                </a:solidFill>
              </a:rPr>
              <a:t>Microservice</a:t>
            </a:r>
            <a:br>
              <a:rPr lang="en-IN" sz="1100" dirty="0">
                <a:solidFill>
                  <a:schemeClr val="accent1"/>
                </a:solidFill>
              </a:rPr>
            </a:br>
            <a:br>
              <a:rPr lang="en-IN" sz="1100" dirty="0">
                <a:solidFill>
                  <a:schemeClr val="accent1"/>
                </a:solidFill>
              </a:rPr>
            </a:br>
            <a:br>
              <a:rPr lang="en-IN" sz="1100" dirty="0">
                <a:solidFill>
                  <a:schemeClr val="accent1"/>
                </a:solidFill>
              </a:rPr>
            </a:br>
            <a:r>
              <a:rPr lang="en-IN" sz="1100" dirty="0">
                <a:solidFill>
                  <a:schemeClr val="accent1"/>
                </a:solidFill>
              </a:rPr>
              <a:t>SBM: </a:t>
            </a: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Identity</a:t>
            </a: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Fund</a:t>
            </a: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Report</a:t>
            </a:r>
          </a:p>
          <a:p>
            <a:pPr algn="ctr"/>
            <a:endParaRPr lang="en-IN" sz="1100" dirty="0">
              <a:solidFill>
                <a:schemeClr val="accent1"/>
              </a:solidFill>
            </a:endParaRP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Suitability:</a:t>
            </a: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Identity</a:t>
            </a:r>
          </a:p>
          <a:p>
            <a:pPr algn="ctr"/>
            <a:r>
              <a:rPr lang="en-IN" sz="1100" dirty="0" err="1">
                <a:solidFill>
                  <a:schemeClr val="accent1"/>
                </a:solidFill>
              </a:rPr>
              <a:t>CustomerTest</a:t>
            </a:r>
            <a:endParaRPr lang="en-IN" sz="1100" dirty="0">
              <a:solidFill>
                <a:schemeClr val="accent1"/>
              </a:solidFill>
            </a:endParaRPr>
          </a:p>
          <a:p>
            <a:pPr algn="ctr"/>
            <a:r>
              <a:rPr lang="en-IN" sz="1100" dirty="0" err="1">
                <a:solidFill>
                  <a:schemeClr val="accent1"/>
                </a:solidFill>
              </a:rPr>
              <a:t>Questionaire</a:t>
            </a:r>
            <a:endParaRPr lang="en-IN" sz="1100" dirty="0">
              <a:solidFill>
                <a:schemeClr val="accent1"/>
              </a:solidFill>
            </a:endParaRPr>
          </a:p>
          <a:p>
            <a:pPr algn="ctr"/>
            <a:endParaRPr lang="en-IN" sz="1100" dirty="0">
              <a:solidFill>
                <a:schemeClr val="accent1"/>
              </a:solidFill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4C55BF6D-6A0A-424D-63C2-C89D20EB108D}"/>
              </a:ext>
            </a:extLst>
          </p:cNvPr>
          <p:cNvSpPr/>
          <p:nvPr/>
        </p:nvSpPr>
        <p:spPr>
          <a:xfrm>
            <a:off x="4211512" y="2858659"/>
            <a:ext cx="2991394" cy="2100628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pPr algn="ctr"/>
            <a:r>
              <a:rPr lang="en-IN" sz="1100" dirty="0">
                <a:solidFill>
                  <a:schemeClr val="accent1"/>
                </a:solidFill>
              </a:rPr>
              <a:t>Steps to upgrade</a:t>
            </a:r>
            <a:br>
              <a:rPr lang="en-IN" sz="1100" dirty="0">
                <a:solidFill>
                  <a:schemeClr val="accent1"/>
                </a:solidFill>
              </a:rPr>
            </a:br>
            <a:br>
              <a:rPr lang="en-IN" sz="1100" dirty="0">
                <a:solidFill>
                  <a:schemeClr val="accent1"/>
                </a:solidFill>
              </a:rPr>
            </a:br>
            <a:r>
              <a:rPr lang="en-IN" sz="1100" dirty="0">
                <a:solidFill>
                  <a:schemeClr val="accent1"/>
                </a:solidFill>
              </a:rPr>
              <a:t>1. Take new ABP Template</a:t>
            </a:r>
            <a:br>
              <a:rPr lang="en-IN" sz="1100" dirty="0">
                <a:solidFill>
                  <a:schemeClr val="accent1"/>
                </a:solidFill>
              </a:rPr>
            </a:br>
            <a:r>
              <a:rPr lang="en-IN" sz="1100" dirty="0">
                <a:solidFill>
                  <a:schemeClr val="accent1"/>
                </a:solidFill>
              </a:rPr>
              <a:t>2. Copy APIs of Identity to new template Application &amp; </a:t>
            </a:r>
            <a:r>
              <a:rPr lang="en-IN" sz="1100" dirty="0" err="1">
                <a:solidFill>
                  <a:schemeClr val="accent1"/>
                </a:solidFill>
              </a:rPr>
              <a:t>Application.Shared</a:t>
            </a:r>
            <a:endParaRPr lang="en-IN" sz="1100" dirty="0">
              <a:solidFill>
                <a:schemeClr val="accent1"/>
              </a:solidFill>
            </a:endParaRP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3. Create new Microservice </a:t>
            </a:r>
            <a:r>
              <a:rPr lang="en-IN" sz="1100" dirty="0" err="1">
                <a:solidFill>
                  <a:schemeClr val="accent1"/>
                </a:solidFill>
              </a:rPr>
              <a:t>WEBApi</a:t>
            </a:r>
            <a:r>
              <a:rPr lang="en-IN" sz="1100" dirty="0">
                <a:solidFill>
                  <a:schemeClr val="accent1"/>
                </a:solidFill>
              </a:rPr>
              <a:t> Project with .Net8 version</a:t>
            </a: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4. Create new Library projects with Target .Net8 in same pattern like old one</a:t>
            </a:r>
          </a:p>
          <a:p>
            <a:pPr algn="ctr"/>
            <a:r>
              <a:rPr lang="en-IN" sz="1100" dirty="0">
                <a:solidFill>
                  <a:schemeClr val="accent1"/>
                </a:solidFill>
              </a:rPr>
              <a:t>5. Migrate code to new projects</a:t>
            </a:r>
          </a:p>
        </p:txBody>
      </p:sp>
    </p:spTree>
    <p:extLst>
      <p:ext uri="{BB962C8B-B14F-4D97-AF65-F5344CB8AC3E}">
        <p14:creationId xmlns:p14="http://schemas.microsoft.com/office/powerpoint/2010/main" val="138181176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"/>
</p:tagLst>
</file>

<file path=ppt/theme/theme1.xml><?xml version="1.0" encoding="utf-8"?>
<a:theme xmlns:a="http://schemas.openxmlformats.org/drawingml/2006/main" name="Tietoevry">
  <a:themeElements>
    <a:clrScheme name="Titeto Every 220420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2023">
      <a:majorFont>
        <a:latin typeface="Tietoevry Sans 1 Light"/>
        <a:ea typeface=""/>
        <a:cs typeface=""/>
      </a:majorFont>
      <a:minorFont>
        <a:latin typeface="Tietoevry Sans 1 Light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4"/>
        </a:solidFill>
        <a:ln>
          <a:noFill/>
        </a:ln>
      </a:spPr>
      <a:bodyPr rtlCol="0" anchor="ctr"/>
      <a:lstStyle>
        <a:defPPr algn="ctr">
          <a:defRPr sz="1100" dirty="0" err="1" smtClean="0">
            <a:solidFill>
              <a:schemeClr val="accent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9050" cap="rnd">
          <a:solidFill>
            <a:schemeClr val="accent4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rtlCol="0">
        <a:noAutofit/>
      </a:bodyPr>
      <a:lstStyle>
        <a:defPPr algn="l">
          <a:defRPr sz="1100" dirty="0" err="1" smtClean="0"/>
        </a:defPPr>
      </a:lstStyle>
    </a:txDef>
  </a:objectDefaults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Tietoevry_101123" id="{E5600E7E-768D-4793-A3AB-48CAEE9AE71E}" vid="{EA77E28B-1186-478F-A83E-94954F991390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Tietoevry_151123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BC05588-44AF-493C-8EF4-0BACAC058714}">
  <ds:schemaRefs/>
</ds:datastoreItem>
</file>

<file path=customXml/itemProps2.xml><?xml version="1.0" encoding="utf-8"?>
<ds:datastoreItem xmlns:ds="http://schemas.openxmlformats.org/officeDocument/2006/customXml" ds:itemID="{160A48F9-E99E-4DD3-BCF0-C383B2EA940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ietoevry</Template>
  <TotalTime>0</TotalTime>
  <Words>184</Words>
  <Application>Microsoft Office PowerPoint</Application>
  <PresentationFormat>On-screen Show (16:9)</PresentationFormat>
  <Paragraphs>40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11" baseType="lpstr">
      <vt:lpstr>Wingdings</vt:lpstr>
      <vt:lpstr>Tietoevry Sans 1 Light</vt:lpstr>
      <vt:lpstr>Tietoevry Sans 1 Thin</vt:lpstr>
      <vt:lpstr>Roboto</vt:lpstr>
      <vt:lpstr>Tietoevry Sans 1 Medium</vt:lpstr>
      <vt:lpstr>Arial</vt:lpstr>
      <vt:lpstr>Calibri</vt:lpstr>
      <vt:lpstr>Tietoevry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ristaps Steinbergs</dc:creator>
  <cp:lastModifiedBy>Anand Ganorkar (Ext)</cp:lastModifiedBy>
  <cp:revision>2</cp:revision>
  <dcterms:created xsi:type="dcterms:W3CDTF">2024-06-07T11:41:38Z</dcterms:created>
  <dcterms:modified xsi:type="dcterms:W3CDTF">2024-09-27T09:55:3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11-16T09:09:10</vt:lpwstr>
  </property>
  <property fmtid="{D5CDD505-2E9C-101B-9397-08002B2CF9AE}" pid="3" name="TemplafyTenantId">
    <vt:lpwstr>tietoevry</vt:lpwstr>
  </property>
  <property fmtid="{D5CDD505-2E9C-101B-9397-08002B2CF9AE}" pid="4" name="TemplafyTemplateId">
    <vt:lpwstr>778819684790960166</vt:lpwstr>
  </property>
  <property fmtid="{D5CDD505-2E9C-101B-9397-08002B2CF9AE}" pid="5" name="TemplafyUserProfileId">
    <vt:lpwstr>637890880599541433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  <property fmtid="{D5CDD505-2E9C-101B-9397-08002B2CF9AE}" pid="8" name="MSIP_Label_3b623b29-abd1-4de3-a20c-27566d79b7c7_Enabled">
    <vt:lpwstr>true</vt:lpwstr>
  </property>
  <property fmtid="{D5CDD505-2E9C-101B-9397-08002B2CF9AE}" pid="9" name="MSIP_Label_3b623b29-abd1-4de3-a20c-27566d79b7c7_SetDate">
    <vt:lpwstr>2024-09-27T09:55:09Z</vt:lpwstr>
  </property>
  <property fmtid="{D5CDD505-2E9C-101B-9397-08002B2CF9AE}" pid="10" name="MSIP_Label_3b623b29-abd1-4de3-a20c-27566d79b7c7_Method">
    <vt:lpwstr>Standard</vt:lpwstr>
  </property>
  <property fmtid="{D5CDD505-2E9C-101B-9397-08002B2CF9AE}" pid="11" name="MSIP_Label_3b623b29-abd1-4de3-a20c-27566d79b7c7_Name">
    <vt:lpwstr>3b623b29-abd1-4de3-a20c-27566d79b7c7</vt:lpwstr>
  </property>
  <property fmtid="{D5CDD505-2E9C-101B-9397-08002B2CF9AE}" pid="12" name="MSIP_Label_3b623b29-abd1-4de3-a20c-27566d79b7c7_SiteId">
    <vt:lpwstr>cbede638-a3d9-459f-8f4e-24ced73b4e5e</vt:lpwstr>
  </property>
  <property fmtid="{D5CDD505-2E9C-101B-9397-08002B2CF9AE}" pid="13" name="MSIP_Label_3b623b29-abd1-4de3-a20c-27566d79b7c7_ActionId">
    <vt:lpwstr>1478cd66-8d31-486f-a680-a8d2da5cad2a</vt:lpwstr>
  </property>
  <property fmtid="{D5CDD505-2E9C-101B-9397-08002B2CF9AE}" pid="14" name="MSIP_Label_3b623b29-abd1-4de3-a20c-27566d79b7c7_ContentBits">
    <vt:lpwstr>0</vt:lpwstr>
  </property>
</Properties>
</file>